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126"/>
  <workbookPr/>
  <mc:AlternateContent xmlns:mc="http://schemas.openxmlformats.org/markup-compatibility/2006">
    <mc:Choice Requires="x15">
      <x15ac:absPath xmlns:x15ac="http://schemas.microsoft.com/office/spreadsheetml/2010/11/ac" url="C:\Users\s12217\Downloads\"/>
    </mc:Choice>
  </mc:AlternateContent>
  <xr:revisionPtr revIDLastSave="0" documentId="13_ncr:1_{0F13A051-1741-4BAA-BB10-C188407EFCA2}" xr6:coauthVersionLast="47" xr6:coauthVersionMax="47" xr10:uidLastSave="{00000000-0000-0000-0000-000000000000}"/>
  <workbookProtection workbookAlgorithmName="SHA-512" workbookHashValue="DPtAwyHfKa06CRK3bszADxUYfg1JaKTJeG51nUXJQprNlSq9+NQ+BvIUCDBRP4IhrS2M7DjRn5J36k8sYTKrww==" workbookSaltValue="TjQ+qg/+3ZqKBotI/XKoKQ==" workbookSpinCount="100000" lockStructure="1"/>
  <bookViews>
    <workbookView xWindow="-108" yWindow="-108" windowWidth="23256" windowHeight="12576" xr2:uid="{00000000-000D-0000-FFFF-FFFF00000000}"/>
  </bookViews>
  <sheets>
    <sheet name="法非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I86"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AT10" i="4" s="1"/>
  <c r="V6" i="5"/>
  <c r="U6" i="5"/>
  <c r="BB8" i="4" s="1"/>
  <c r="T6" i="5"/>
  <c r="S6" i="5"/>
  <c r="AL8" i="4" s="1"/>
  <c r="R6" i="5"/>
  <c r="Q6" i="5"/>
  <c r="W10" i="4" s="1"/>
  <c r="P6" i="5"/>
  <c r="O6" i="5"/>
  <c r="I10" i="4" s="1"/>
  <c r="N6" i="5"/>
  <c r="M6" i="5"/>
  <c r="L6" i="5"/>
  <c r="K6" i="5"/>
  <c r="P8" i="4" s="1"/>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K86" i="4"/>
  <c r="J86" i="4"/>
  <c r="H86" i="4"/>
  <c r="E86" i="4"/>
  <c r="BB10" i="4"/>
  <c r="AL10" i="4"/>
  <c r="AD10" i="4"/>
  <c r="P10" i="4"/>
  <c r="B10" i="4"/>
  <c r="AT8" i="4"/>
  <c r="AD8" i="4"/>
  <c r="W8" i="4"/>
  <c r="I8" i="4"/>
  <c r="B8" i="4"/>
  <c r="B6" i="4"/>
</calcChain>
</file>

<file path=xl/sharedStrings.xml><?xml version="1.0" encoding="utf-8"?>
<sst xmlns="http://schemas.openxmlformats.org/spreadsheetml/2006/main" count="236" uniqueCount="119">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宮崎県　串間市</t>
  </si>
  <si>
    <t>法非適用</t>
  </si>
  <si>
    <t>下水道事業</t>
  </si>
  <si>
    <t>農業集落排水</t>
  </si>
  <si>
    <t>F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水洗化率は100％が望ましいですが、90％を超えており、公共用水域の水質保全や快適で文化的な生活環境確保の観点からは、良い状況であります。
　汚水処理原価は類似団体と比較すると高い状況であることから、費用の抑制を図りながら、経営の健全化に努めていく必要があります。
　今後施設の老朽化の進行や、処理区域内の人口減少により、維持管理に係る負担は増加していきます。維持管理適正化計画及び事業実施計画を策定し、施設規模の見直し（ダウンサイジング）や新技術の導入の検討などを含め、計画的な施設更新を行い、持続可能な運営を図ってまいります。</t>
    <rPh sb="23" eb="24">
      <t>コ</t>
    </rPh>
    <rPh sb="135" eb="137">
      <t>コンゴ</t>
    </rPh>
    <rPh sb="137" eb="139">
      <t>シセツ</t>
    </rPh>
    <rPh sb="140" eb="143">
      <t>ロウキュウカ</t>
    </rPh>
    <rPh sb="144" eb="146">
      <t>シンコウ</t>
    </rPh>
    <rPh sb="152" eb="153">
      <t>ナイ</t>
    </rPh>
    <rPh sb="154" eb="156">
      <t>ジンコウ</t>
    </rPh>
    <rPh sb="156" eb="158">
      <t>ゲンショウ</t>
    </rPh>
    <rPh sb="162" eb="166">
      <t>イジカンリ</t>
    </rPh>
    <rPh sb="167" eb="168">
      <t>カカ</t>
    </rPh>
    <rPh sb="169" eb="171">
      <t>フタン</t>
    </rPh>
    <rPh sb="172" eb="174">
      <t>ゾウカ</t>
    </rPh>
    <rPh sb="203" eb="205">
      <t>シセツ</t>
    </rPh>
    <rPh sb="222" eb="225">
      <t>シンギジュツ</t>
    </rPh>
    <rPh sb="226" eb="228">
      <t>ドウニュウ</t>
    </rPh>
    <rPh sb="229" eb="231">
      <t>ケントウ</t>
    </rPh>
    <rPh sb="234" eb="235">
      <t>フク</t>
    </rPh>
    <rPh sb="237" eb="240">
      <t>ケイカクテキ</t>
    </rPh>
    <rPh sb="241" eb="243">
      <t>シセツ</t>
    </rPh>
    <rPh sb="243" eb="245">
      <t>コウシン</t>
    </rPh>
    <rPh sb="246" eb="247">
      <t>オコナ</t>
    </rPh>
    <rPh sb="249" eb="253">
      <t>ジゾクカノウ</t>
    </rPh>
    <rPh sb="254" eb="256">
      <t>ウンエイ</t>
    </rPh>
    <rPh sb="257" eb="258">
      <t>ハカ</t>
    </rPh>
    <phoneticPr fontId="15"/>
  </si>
  <si>
    <t>　農業集落排水施設は平成10年に供用を開始しており、平成30年度に実施した機能診断結果を基に策定した最適整備構想では、令和8年度に大規模改修が見込まれているため、計画的な施設更新を行っていく必要があります。</t>
    <rPh sb="7" eb="9">
      <t>シセツ</t>
    </rPh>
    <rPh sb="44" eb="45">
      <t>モト</t>
    </rPh>
    <rPh sb="46" eb="48">
      <t>サクテイ</t>
    </rPh>
    <rPh sb="50" eb="52">
      <t>サイテキ</t>
    </rPh>
    <rPh sb="52" eb="54">
      <t>セイビ</t>
    </rPh>
    <rPh sb="54" eb="56">
      <t>コウソウ</t>
    </rPh>
    <rPh sb="59" eb="61">
      <t>レイワ</t>
    </rPh>
    <rPh sb="62" eb="64">
      <t>ネンド</t>
    </rPh>
    <rPh sb="65" eb="68">
      <t>ダイキボ</t>
    </rPh>
    <rPh sb="68" eb="70">
      <t>カイシュウ</t>
    </rPh>
    <rPh sb="71" eb="73">
      <t>ミコ</t>
    </rPh>
    <rPh sb="81" eb="84">
      <t>ケイカクテキ</t>
    </rPh>
    <rPh sb="85" eb="87">
      <t>シセツ</t>
    </rPh>
    <rPh sb="87" eb="89">
      <t>コウシン</t>
    </rPh>
    <rPh sb="90" eb="91">
      <t>オコナ</t>
    </rPh>
    <rPh sb="95" eb="97">
      <t>ヒツヨウ</t>
    </rPh>
    <phoneticPr fontId="15"/>
  </si>
  <si>
    <r>
      <t>「①収益的収支比率」については、100％を下回っているため、</t>
    </r>
    <r>
      <rPr>
        <sz val="11"/>
        <color theme="1"/>
        <rFont val="ＭＳ ゴシック"/>
        <family val="3"/>
        <charset val="128"/>
      </rPr>
      <t xml:space="preserve">財源確保に努めるとともに費用を抑制し、100％を常に超えるようにする必要があります。
「④企業債残高対事業規模比率」については、近年大きな事業が無く企業債を発行していないため企業債残高が減少していますが、今後の施設更新に備え、計画的な運営を行っていく必要があります。 
「⑤経費回収率」「⑥汚水処理原価」については、経費回収率ができる限り100％に近づくよう、費用の抑制に努め汚水処理原価を抑えていく必要があります。
「⑦施設利用率」「⑧水洗化率」については、施設利用率が低く改善する必要がありますが、既に水洗化率が90％を超えており、区域内の人口動態も踏まえると新たな加入は見込めず今後も厳しい状況が続くと考えられため、施設規模の見直し（ダウンサイジング）を行うなど経費削減に努めてまいります。
</t>
    </r>
    <rPh sb="30" eb="34">
      <t>ザイゲンカクホ</t>
    </rPh>
    <rPh sb="35" eb="36">
      <t>ツト</t>
    </rPh>
    <rPh sb="292" eb="293">
      <t>コ</t>
    </rPh>
    <rPh sb="360" eb="361">
      <t>オコナ</t>
    </rPh>
    <rPh sb="364" eb="366">
      <t>ケイヒ</t>
    </rPh>
    <rPh sb="366" eb="368">
      <t>サクゲン</t>
    </rPh>
    <rPh sb="369" eb="370">
      <t>ツト</t>
    </rPh>
    <phoneticPr fontId="1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6"/>
      <name val="ＭＳ Ｐゴシック"/>
      <family val="3"/>
    </font>
    <font>
      <sz val="11"/>
      <color theme="1"/>
      <name val="ＭＳ ゴシック"/>
      <family val="3"/>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5">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16" fillId="0" borderId="6" xfId="0" applyFont="1" applyBorder="1" applyAlignment="1" applyProtection="1">
      <alignment horizontal="left" vertical="top" wrapText="1"/>
      <protection locked="0"/>
    </xf>
    <xf numFmtId="0" fontId="16" fillId="0" borderId="0" xfId="0" applyFont="1" applyAlignment="1" applyProtection="1">
      <alignment horizontal="left" vertical="top" wrapText="1"/>
      <protection locked="0"/>
    </xf>
    <xf numFmtId="0" fontId="16" fillId="0" borderId="7" xfId="0" applyFont="1" applyBorder="1" applyAlignment="1" applyProtection="1">
      <alignment horizontal="left" vertical="top" wrapText="1"/>
      <protection locked="0"/>
    </xf>
    <xf numFmtId="0" fontId="16" fillId="0" borderId="8" xfId="0" applyFont="1" applyBorder="1" applyAlignment="1" applyProtection="1">
      <alignment horizontal="left" vertical="top" wrapText="1"/>
      <protection locked="0"/>
    </xf>
    <xf numFmtId="0" fontId="16" fillId="0" borderId="1" xfId="0" applyFont="1" applyBorder="1" applyAlignment="1" applyProtection="1">
      <alignment horizontal="left" vertical="top" wrapText="1"/>
      <protection locked="0"/>
    </xf>
    <xf numFmtId="0" fontId="16"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C11E-4054-BA41-2325CEC509CA}"/>
            </c:ext>
          </c:extLst>
        </c:ser>
        <c:dLbls>
          <c:showLegendKey val="0"/>
          <c:showVal val="0"/>
          <c:showCatName val="0"/>
          <c:showSerName val="0"/>
          <c:showPercent val="0"/>
          <c:showBubbleSize val="0"/>
        </c:dLbls>
        <c:gapWidth val="150"/>
        <c:axId val="204790016"/>
        <c:axId val="20661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1</c:v>
                </c:pt>
                <c:pt idx="1">
                  <c:v>0.02</c:v>
                </c:pt>
                <c:pt idx="2">
                  <c:v>0.25</c:v>
                </c:pt>
                <c:pt idx="3">
                  <c:v>0.05</c:v>
                </c:pt>
                <c:pt idx="4">
                  <c:v>0.03</c:v>
                </c:pt>
              </c:numCache>
            </c:numRef>
          </c:val>
          <c:smooth val="0"/>
          <c:extLst>
            <c:ext xmlns:c16="http://schemas.microsoft.com/office/drawing/2014/chart" uri="{C3380CC4-5D6E-409C-BE32-E72D297353CC}">
              <c16:uniqueId val="{00000001-C11E-4054-BA41-2325CEC509CA}"/>
            </c:ext>
          </c:extLst>
        </c:ser>
        <c:dLbls>
          <c:showLegendKey val="0"/>
          <c:showVal val="0"/>
          <c:showCatName val="0"/>
          <c:showSerName val="0"/>
          <c:showPercent val="0"/>
          <c:showBubbleSize val="0"/>
        </c:dLbls>
        <c:marker val="1"/>
        <c:smooth val="0"/>
        <c:axId val="204790016"/>
        <c:axId val="206619776"/>
      </c:lineChart>
      <c:dateAx>
        <c:axId val="204790016"/>
        <c:scaling>
          <c:orientation val="minMax"/>
        </c:scaling>
        <c:delete val="1"/>
        <c:axPos val="b"/>
        <c:numFmt formatCode="&quot;H&quot;yy" sourceLinked="1"/>
        <c:majorTickMark val="none"/>
        <c:minorTickMark val="none"/>
        <c:tickLblPos val="none"/>
        <c:crossAx val="206619776"/>
        <c:crosses val="autoZero"/>
        <c:auto val="1"/>
        <c:lblOffset val="100"/>
        <c:baseTimeUnit val="years"/>
      </c:dateAx>
      <c:valAx>
        <c:axId val="20661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4790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31.3</c:v>
                </c:pt>
                <c:pt idx="1">
                  <c:v>31.3</c:v>
                </c:pt>
                <c:pt idx="2">
                  <c:v>31.54</c:v>
                </c:pt>
                <c:pt idx="3">
                  <c:v>29.58</c:v>
                </c:pt>
                <c:pt idx="4">
                  <c:v>28.61</c:v>
                </c:pt>
              </c:numCache>
            </c:numRef>
          </c:val>
          <c:extLst>
            <c:ext xmlns:c16="http://schemas.microsoft.com/office/drawing/2014/chart" uri="{C3380CC4-5D6E-409C-BE32-E72D297353CC}">
              <c16:uniqueId val="{00000000-4F46-4E53-BD39-DE00DA4B180E}"/>
            </c:ext>
          </c:extLst>
        </c:ser>
        <c:dLbls>
          <c:showLegendKey val="0"/>
          <c:showVal val="0"/>
          <c:showCatName val="0"/>
          <c:showSerName val="0"/>
          <c:showPercent val="0"/>
          <c:showBubbleSize val="0"/>
        </c:dLbls>
        <c:gapWidth val="150"/>
        <c:axId val="73398144"/>
        <c:axId val="139853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0.68</c:v>
                </c:pt>
                <c:pt idx="1">
                  <c:v>50.14</c:v>
                </c:pt>
                <c:pt idx="2">
                  <c:v>54.83</c:v>
                </c:pt>
                <c:pt idx="3">
                  <c:v>66.53</c:v>
                </c:pt>
                <c:pt idx="4">
                  <c:v>52.35</c:v>
                </c:pt>
              </c:numCache>
            </c:numRef>
          </c:val>
          <c:smooth val="0"/>
          <c:extLst>
            <c:ext xmlns:c16="http://schemas.microsoft.com/office/drawing/2014/chart" uri="{C3380CC4-5D6E-409C-BE32-E72D297353CC}">
              <c16:uniqueId val="{00000001-4F46-4E53-BD39-DE00DA4B180E}"/>
            </c:ext>
          </c:extLst>
        </c:ser>
        <c:dLbls>
          <c:showLegendKey val="0"/>
          <c:showVal val="0"/>
          <c:showCatName val="0"/>
          <c:showSerName val="0"/>
          <c:showPercent val="0"/>
          <c:showBubbleSize val="0"/>
        </c:dLbls>
        <c:marker val="1"/>
        <c:smooth val="0"/>
        <c:axId val="73398144"/>
        <c:axId val="139853824"/>
      </c:lineChart>
      <c:dateAx>
        <c:axId val="73398144"/>
        <c:scaling>
          <c:orientation val="minMax"/>
        </c:scaling>
        <c:delete val="1"/>
        <c:axPos val="b"/>
        <c:numFmt formatCode="&quot;H&quot;yy" sourceLinked="1"/>
        <c:majorTickMark val="none"/>
        <c:minorTickMark val="none"/>
        <c:tickLblPos val="none"/>
        <c:crossAx val="139853824"/>
        <c:crosses val="autoZero"/>
        <c:auto val="1"/>
        <c:lblOffset val="100"/>
        <c:baseTimeUnit val="years"/>
      </c:dateAx>
      <c:valAx>
        <c:axId val="139853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8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0.73</c:v>
                </c:pt>
                <c:pt idx="1">
                  <c:v>91.91</c:v>
                </c:pt>
                <c:pt idx="2">
                  <c:v>87.91</c:v>
                </c:pt>
                <c:pt idx="3">
                  <c:v>89.7</c:v>
                </c:pt>
                <c:pt idx="4">
                  <c:v>90.27</c:v>
                </c:pt>
              </c:numCache>
            </c:numRef>
          </c:val>
          <c:extLst>
            <c:ext xmlns:c16="http://schemas.microsoft.com/office/drawing/2014/chart" uri="{C3380CC4-5D6E-409C-BE32-E72D297353CC}">
              <c16:uniqueId val="{00000000-BB78-434F-8058-5639CE17E05B}"/>
            </c:ext>
          </c:extLst>
        </c:ser>
        <c:dLbls>
          <c:showLegendKey val="0"/>
          <c:showVal val="0"/>
          <c:showCatName val="0"/>
          <c:showSerName val="0"/>
          <c:showPercent val="0"/>
          <c:showBubbleSize val="0"/>
        </c:dLbls>
        <c:gapWidth val="150"/>
        <c:axId val="139884032"/>
        <c:axId val="13988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4.86</c:v>
                </c:pt>
                <c:pt idx="1">
                  <c:v>84.98</c:v>
                </c:pt>
                <c:pt idx="2">
                  <c:v>84.7</c:v>
                </c:pt>
                <c:pt idx="3">
                  <c:v>84.67</c:v>
                </c:pt>
                <c:pt idx="4">
                  <c:v>84.39</c:v>
                </c:pt>
              </c:numCache>
            </c:numRef>
          </c:val>
          <c:smooth val="0"/>
          <c:extLst>
            <c:ext xmlns:c16="http://schemas.microsoft.com/office/drawing/2014/chart" uri="{C3380CC4-5D6E-409C-BE32-E72D297353CC}">
              <c16:uniqueId val="{00000001-BB78-434F-8058-5639CE17E05B}"/>
            </c:ext>
          </c:extLst>
        </c:ser>
        <c:dLbls>
          <c:showLegendKey val="0"/>
          <c:showVal val="0"/>
          <c:showCatName val="0"/>
          <c:showSerName val="0"/>
          <c:showPercent val="0"/>
          <c:showBubbleSize val="0"/>
        </c:dLbls>
        <c:marker val="1"/>
        <c:smooth val="0"/>
        <c:axId val="139884032"/>
        <c:axId val="139885952"/>
      </c:lineChart>
      <c:dateAx>
        <c:axId val="139884032"/>
        <c:scaling>
          <c:orientation val="minMax"/>
        </c:scaling>
        <c:delete val="1"/>
        <c:axPos val="b"/>
        <c:numFmt formatCode="&quot;H&quot;yy" sourceLinked="1"/>
        <c:majorTickMark val="none"/>
        <c:minorTickMark val="none"/>
        <c:tickLblPos val="none"/>
        <c:crossAx val="139885952"/>
        <c:crosses val="autoZero"/>
        <c:auto val="1"/>
        <c:lblOffset val="100"/>
        <c:baseTimeUnit val="years"/>
      </c:dateAx>
      <c:valAx>
        <c:axId val="139885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84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77.150000000000006</c:v>
                </c:pt>
                <c:pt idx="1">
                  <c:v>75.84</c:v>
                </c:pt>
                <c:pt idx="2">
                  <c:v>76.47</c:v>
                </c:pt>
                <c:pt idx="3">
                  <c:v>74.459999999999994</c:v>
                </c:pt>
                <c:pt idx="4">
                  <c:v>80.900000000000006</c:v>
                </c:pt>
              </c:numCache>
            </c:numRef>
          </c:val>
          <c:extLst>
            <c:ext xmlns:c16="http://schemas.microsoft.com/office/drawing/2014/chart" uri="{C3380CC4-5D6E-409C-BE32-E72D297353CC}">
              <c16:uniqueId val="{00000000-E04E-478C-B320-A0595F21E753}"/>
            </c:ext>
          </c:extLst>
        </c:ser>
        <c:dLbls>
          <c:showLegendKey val="0"/>
          <c:showVal val="0"/>
          <c:showCatName val="0"/>
          <c:showSerName val="0"/>
          <c:showPercent val="0"/>
          <c:showBubbleSize val="0"/>
        </c:dLbls>
        <c:gapWidth val="150"/>
        <c:axId val="214084992"/>
        <c:axId val="217040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E04E-478C-B320-A0595F21E753}"/>
            </c:ext>
          </c:extLst>
        </c:ser>
        <c:dLbls>
          <c:showLegendKey val="0"/>
          <c:showVal val="0"/>
          <c:showCatName val="0"/>
          <c:showSerName val="0"/>
          <c:showPercent val="0"/>
          <c:showBubbleSize val="0"/>
        </c:dLbls>
        <c:marker val="1"/>
        <c:smooth val="0"/>
        <c:axId val="214084992"/>
        <c:axId val="217040384"/>
      </c:lineChart>
      <c:dateAx>
        <c:axId val="214084992"/>
        <c:scaling>
          <c:orientation val="minMax"/>
        </c:scaling>
        <c:delete val="1"/>
        <c:axPos val="b"/>
        <c:numFmt formatCode="&quot;H&quot;yy" sourceLinked="1"/>
        <c:majorTickMark val="none"/>
        <c:minorTickMark val="none"/>
        <c:tickLblPos val="none"/>
        <c:crossAx val="217040384"/>
        <c:crosses val="autoZero"/>
        <c:auto val="1"/>
        <c:lblOffset val="100"/>
        <c:baseTimeUnit val="years"/>
      </c:dateAx>
      <c:valAx>
        <c:axId val="217040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4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0F53-4645-AB8A-24B01D6C00EC}"/>
            </c:ext>
          </c:extLst>
        </c:ser>
        <c:dLbls>
          <c:showLegendKey val="0"/>
          <c:showVal val="0"/>
          <c:showCatName val="0"/>
          <c:showSerName val="0"/>
          <c:showPercent val="0"/>
          <c:showBubbleSize val="0"/>
        </c:dLbls>
        <c:gapWidth val="150"/>
        <c:axId val="217610112"/>
        <c:axId val="2182982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0F53-4645-AB8A-24B01D6C00EC}"/>
            </c:ext>
          </c:extLst>
        </c:ser>
        <c:dLbls>
          <c:showLegendKey val="0"/>
          <c:showVal val="0"/>
          <c:showCatName val="0"/>
          <c:showSerName val="0"/>
          <c:showPercent val="0"/>
          <c:showBubbleSize val="0"/>
        </c:dLbls>
        <c:marker val="1"/>
        <c:smooth val="0"/>
        <c:axId val="217610112"/>
        <c:axId val="218298240"/>
      </c:lineChart>
      <c:dateAx>
        <c:axId val="217610112"/>
        <c:scaling>
          <c:orientation val="minMax"/>
        </c:scaling>
        <c:delete val="1"/>
        <c:axPos val="b"/>
        <c:numFmt formatCode="&quot;H&quot;yy" sourceLinked="1"/>
        <c:majorTickMark val="none"/>
        <c:minorTickMark val="none"/>
        <c:tickLblPos val="none"/>
        <c:crossAx val="218298240"/>
        <c:crosses val="autoZero"/>
        <c:auto val="1"/>
        <c:lblOffset val="100"/>
        <c:baseTimeUnit val="years"/>
      </c:dateAx>
      <c:valAx>
        <c:axId val="2182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342B-4C7A-A491-3AB5894A4006}"/>
            </c:ext>
          </c:extLst>
        </c:ser>
        <c:dLbls>
          <c:showLegendKey val="0"/>
          <c:showVal val="0"/>
          <c:showCatName val="0"/>
          <c:showSerName val="0"/>
          <c:showPercent val="0"/>
          <c:showBubbleSize val="0"/>
        </c:dLbls>
        <c:gapWidth val="150"/>
        <c:axId val="73212288"/>
        <c:axId val="73214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342B-4C7A-A491-3AB5894A4006}"/>
            </c:ext>
          </c:extLst>
        </c:ser>
        <c:dLbls>
          <c:showLegendKey val="0"/>
          <c:showVal val="0"/>
          <c:showCatName val="0"/>
          <c:showSerName val="0"/>
          <c:showPercent val="0"/>
          <c:showBubbleSize val="0"/>
        </c:dLbls>
        <c:marker val="1"/>
        <c:smooth val="0"/>
        <c:axId val="73212288"/>
        <c:axId val="73214208"/>
      </c:lineChart>
      <c:dateAx>
        <c:axId val="73212288"/>
        <c:scaling>
          <c:orientation val="minMax"/>
        </c:scaling>
        <c:delete val="1"/>
        <c:axPos val="b"/>
        <c:numFmt formatCode="&quot;H&quot;yy" sourceLinked="1"/>
        <c:majorTickMark val="none"/>
        <c:minorTickMark val="none"/>
        <c:tickLblPos val="none"/>
        <c:crossAx val="73214208"/>
        <c:crosses val="autoZero"/>
        <c:auto val="1"/>
        <c:lblOffset val="100"/>
        <c:baseTimeUnit val="years"/>
      </c:dateAx>
      <c:valAx>
        <c:axId val="73214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12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DF5B-46D3-90E3-D5F49D1B6008}"/>
            </c:ext>
          </c:extLst>
        </c:ser>
        <c:dLbls>
          <c:showLegendKey val="0"/>
          <c:showVal val="0"/>
          <c:showCatName val="0"/>
          <c:showSerName val="0"/>
          <c:showPercent val="0"/>
          <c:showBubbleSize val="0"/>
        </c:dLbls>
        <c:gapWidth val="150"/>
        <c:axId val="73228288"/>
        <c:axId val="73230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DF5B-46D3-90E3-D5F49D1B6008}"/>
            </c:ext>
          </c:extLst>
        </c:ser>
        <c:dLbls>
          <c:showLegendKey val="0"/>
          <c:showVal val="0"/>
          <c:showCatName val="0"/>
          <c:showSerName val="0"/>
          <c:showPercent val="0"/>
          <c:showBubbleSize val="0"/>
        </c:dLbls>
        <c:marker val="1"/>
        <c:smooth val="0"/>
        <c:axId val="73228288"/>
        <c:axId val="73230208"/>
      </c:lineChart>
      <c:dateAx>
        <c:axId val="73228288"/>
        <c:scaling>
          <c:orientation val="minMax"/>
        </c:scaling>
        <c:delete val="1"/>
        <c:axPos val="b"/>
        <c:numFmt formatCode="&quot;H&quot;yy" sourceLinked="1"/>
        <c:majorTickMark val="none"/>
        <c:minorTickMark val="none"/>
        <c:tickLblPos val="none"/>
        <c:crossAx val="73230208"/>
        <c:crosses val="autoZero"/>
        <c:auto val="1"/>
        <c:lblOffset val="100"/>
        <c:baseTimeUnit val="years"/>
      </c:dateAx>
      <c:valAx>
        <c:axId val="73230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57C1-4BFB-BE95-B53872057EE1}"/>
            </c:ext>
          </c:extLst>
        </c:ser>
        <c:dLbls>
          <c:showLegendKey val="0"/>
          <c:showVal val="0"/>
          <c:showCatName val="0"/>
          <c:showSerName val="0"/>
          <c:showPercent val="0"/>
          <c:showBubbleSize val="0"/>
        </c:dLbls>
        <c:gapWidth val="150"/>
        <c:axId val="73239936"/>
        <c:axId val="73250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57C1-4BFB-BE95-B53872057EE1}"/>
            </c:ext>
          </c:extLst>
        </c:ser>
        <c:dLbls>
          <c:showLegendKey val="0"/>
          <c:showVal val="0"/>
          <c:showCatName val="0"/>
          <c:showSerName val="0"/>
          <c:showPercent val="0"/>
          <c:showBubbleSize val="0"/>
        </c:dLbls>
        <c:marker val="1"/>
        <c:smooth val="0"/>
        <c:axId val="73239936"/>
        <c:axId val="73250304"/>
      </c:lineChart>
      <c:dateAx>
        <c:axId val="73239936"/>
        <c:scaling>
          <c:orientation val="minMax"/>
        </c:scaling>
        <c:delete val="1"/>
        <c:axPos val="b"/>
        <c:numFmt formatCode="&quot;H&quot;yy" sourceLinked="1"/>
        <c:majorTickMark val="none"/>
        <c:minorTickMark val="none"/>
        <c:tickLblPos val="none"/>
        <c:crossAx val="73250304"/>
        <c:crosses val="autoZero"/>
        <c:auto val="1"/>
        <c:lblOffset val="100"/>
        <c:baseTimeUnit val="years"/>
      </c:dateAx>
      <c:valAx>
        <c:axId val="7325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39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0</c:v>
                </c:pt>
                <c:pt idx="1">
                  <c:v>0</c:v>
                </c:pt>
                <c:pt idx="2" formatCode="#,##0.00;&quot;△&quot;#,##0.00;&quot;-&quot;">
                  <c:v>961.73</c:v>
                </c:pt>
                <c:pt idx="3" formatCode="#,##0.00;&quot;△&quot;#,##0.00;&quot;-&quot;">
                  <c:v>732.72</c:v>
                </c:pt>
                <c:pt idx="4" formatCode="#,##0.00;&quot;△&quot;#,##0.00;&quot;-&quot;">
                  <c:v>590.97</c:v>
                </c:pt>
              </c:numCache>
            </c:numRef>
          </c:val>
          <c:extLst>
            <c:ext xmlns:c16="http://schemas.microsoft.com/office/drawing/2014/chart" uri="{C3380CC4-5D6E-409C-BE32-E72D297353CC}">
              <c16:uniqueId val="{00000000-5F15-49D0-9438-55659A51C446}"/>
            </c:ext>
          </c:extLst>
        </c:ser>
        <c:dLbls>
          <c:showLegendKey val="0"/>
          <c:showVal val="0"/>
          <c:showCatName val="0"/>
          <c:showSerName val="0"/>
          <c:showPercent val="0"/>
          <c:showBubbleSize val="0"/>
        </c:dLbls>
        <c:gapWidth val="150"/>
        <c:axId val="73337856"/>
        <c:axId val="73340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789.46</c:v>
                </c:pt>
                <c:pt idx="1">
                  <c:v>826.83</c:v>
                </c:pt>
                <c:pt idx="2">
                  <c:v>867.83</c:v>
                </c:pt>
                <c:pt idx="3">
                  <c:v>791.76</c:v>
                </c:pt>
                <c:pt idx="4">
                  <c:v>900.82</c:v>
                </c:pt>
              </c:numCache>
            </c:numRef>
          </c:val>
          <c:smooth val="0"/>
          <c:extLst>
            <c:ext xmlns:c16="http://schemas.microsoft.com/office/drawing/2014/chart" uri="{C3380CC4-5D6E-409C-BE32-E72D297353CC}">
              <c16:uniqueId val="{00000001-5F15-49D0-9438-55659A51C446}"/>
            </c:ext>
          </c:extLst>
        </c:ser>
        <c:dLbls>
          <c:showLegendKey val="0"/>
          <c:showVal val="0"/>
          <c:showCatName val="0"/>
          <c:showSerName val="0"/>
          <c:showPercent val="0"/>
          <c:showBubbleSize val="0"/>
        </c:dLbls>
        <c:marker val="1"/>
        <c:smooth val="0"/>
        <c:axId val="73337856"/>
        <c:axId val="73340032"/>
      </c:lineChart>
      <c:dateAx>
        <c:axId val="73337856"/>
        <c:scaling>
          <c:orientation val="minMax"/>
        </c:scaling>
        <c:delete val="1"/>
        <c:axPos val="b"/>
        <c:numFmt formatCode="&quot;H&quot;yy" sourceLinked="1"/>
        <c:majorTickMark val="none"/>
        <c:minorTickMark val="none"/>
        <c:tickLblPos val="none"/>
        <c:crossAx val="73340032"/>
        <c:crosses val="autoZero"/>
        <c:auto val="1"/>
        <c:lblOffset val="100"/>
        <c:baseTimeUnit val="years"/>
      </c:dateAx>
      <c:valAx>
        <c:axId val="73340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41.58</c:v>
                </c:pt>
                <c:pt idx="1">
                  <c:v>39.51</c:v>
                </c:pt>
                <c:pt idx="2">
                  <c:v>39.81</c:v>
                </c:pt>
                <c:pt idx="3">
                  <c:v>37.19</c:v>
                </c:pt>
                <c:pt idx="4">
                  <c:v>46.97</c:v>
                </c:pt>
              </c:numCache>
            </c:numRef>
          </c:val>
          <c:extLst>
            <c:ext xmlns:c16="http://schemas.microsoft.com/office/drawing/2014/chart" uri="{C3380CC4-5D6E-409C-BE32-E72D297353CC}">
              <c16:uniqueId val="{00000000-8FA7-438E-9B90-794D487C92C4}"/>
            </c:ext>
          </c:extLst>
        </c:ser>
        <c:dLbls>
          <c:showLegendKey val="0"/>
          <c:showVal val="0"/>
          <c:showCatName val="0"/>
          <c:showSerName val="0"/>
          <c:showPercent val="0"/>
          <c:showBubbleSize val="0"/>
        </c:dLbls>
        <c:gapWidth val="150"/>
        <c:axId val="73353856"/>
        <c:axId val="73360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57.77</c:v>
                </c:pt>
                <c:pt idx="1">
                  <c:v>57.31</c:v>
                </c:pt>
                <c:pt idx="2">
                  <c:v>57.08</c:v>
                </c:pt>
                <c:pt idx="3">
                  <c:v>56.26</c:v>
                </c:pt>
                <c:pt idx="4">
                  <c:v>52.94</c:v>
                </c:pt>
              </c:numCache>
            </c:numRef>
          </c:val>
          <c:smooth val="0"/>
          <c:extLst>
            <c:ext xmlns:c16="http://schemas.microsoft.com/office/drawing/2014/chart" uri="{C3380CC4-5D6E-409C-BE32-E72D297353CC}">
              <c16:uniqueId val="{00000001-8FA7-438E-9B90-794D487C92C4}"/>
            </c:ext>
          </c:extLst>
        </c:ser>
        <c:dLbls>
          <c:showLegendKey val="0"/>
          <c:showVal val="0"/>
          <c:showCatName val="0"/>
          <c:showSerName val="0"/>
          <c:showPercent val="0"/>
          <c:showBubbleSize val="0"/>
        </c:dLbls>
        <c:marker val="1"/>
        <c:smooth val="0"/>
        <c:axId val="73353856"/>
        <c:axId val="73360128"/>
      </c:lineChart>
      <c:dateAx>
        <c:axId val="73353856"/>
        <c:scaling>
          <c:orientation val="minMax"/>
        </c:scaling>
        <c:delete val="1"/>
        <c:axPos val="b"/>
        <c:numFmt formatCode="&quot;H&quot;yy" sourceLinked="1"/>
        <c:majorTickMark val="none"/>
        <c:minorTickMark val="none"/>
        <c:tickLblPos val="none"/>
        <c:crossAx val="73360128"/>
        <c:crosses val="autoZero"/>
        <c:auto val="1"/>
        <c:lblOffset val="100"/>
        <c:baseTimeUnit val="years"/>
      </c:dateAx>
      <c:valAx>
        <c:axId val="73360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53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333.78</c:v>
                </c:pt>
                <c:pt idx="1">
                  <c:v>354.38</c:v>
                </c:pt>
                <c:pt idx="2">
                  <c:v>359.54</c:v>
                </c:pt>
                <c:pt idx="3">
                  <c:v>393.24</c:v>
                </c:pt>
                <c:pt idx="4">
                  <c:v>313.02999999999997</c:v>
                </c:pt>
              </c:numCache>
            </c:numRef>
          </c:val>
          <c:extLst>
            <c:ext xmlns:c16="http://schemas.microsoft.com/office/drawing/2014/chart" uri="{C3380CC4-5D6E-409C-BE32-E72D297353CC}">
              <c16:uniqueId val="{00000000-C006-4475-A4C9-8BD7DECD8A41}"/>
            </c:ext>
          </c:extLst>
        </c:ser>
        <c:dLbls>
          <c:showLegendKey val="0"/>
          <c:showVal val="0"/>
          <c:showCatName val="0"/>
          <c:showSerName val="0"/>
          <c:showPercent val="0"/>
          <c:showBubbleSize val="0"/>
        </c:dLbls>
        <c:gapWidth val="150"/>
        <c:axId val="73369856"/>
        <c:axId val="73372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74.35000000000002</c:v>
                </c:pt>
                <c:pt idx="1">
                  <c:v>273.52</c:v>
                </c:pt>
                <c:pt idx="2">
                  <c:v>274.99</c:v>
                </c:pt>
                <c:pt idx="3">
                  <c:v>282.08999999999997</c:v>
                </c:pt>
                <c:pt idx="4">
                  <c:v>303.27999999999997</c:v>
                </c:pt>
              </c:numCache>
            </c:numRef>
          </c:val>
          <c:smooth val="0"/>
          <c:extLst>
            <c:ext xmlns:c16="http://schemas.microsoft.com/office/drawing/2014/chart" uri="{C3380CC4-5D6E-409C-BE32-E72D297353CC}">
              <c16:uniqueId val="{00000001-C006-4475-A4C9-8BD7DECD8A41}"/>
            </c:ext>
          </c:extLst>
        </c:ser>
        <c:dLbls>
          <c:showLegendKey val="0"/>
          <c:showVal val="0"/>
          <c:showCatName val="0"/>
          <c:showSerName val="0"/>
          <c:showPercent val="0"/>
          <c:showBubbleSize val="0"/>
        </c:dLbls>
        <c:marker val="1"/>
        <c:smooth val="0"/>
        <c:axId val="73369856"/>
        <c:axId val="73372032"/>
      </c:lineChart>
      <c:dateAx>
        <c:axId val="73369856"/>
        <c:scaling>
          <c:orientation val="minMax"/>
        </c:scaling>
        <c:delete val="1"/>
        <c:axPos val="b"/>
        <c:numFmt formatCode="&quot;H&quot;yy" sourceLinked="1"/>
        <c:majorTickMark val="none"/>
        <c:minorTickMark val="none"/>
        <c:tickLblPos val="none"/>
        <c:crossAx val="73372032"/>
        <c:crosses val="autoZero"/>
        <c:auto val="1"/>
        <c:lblOffset val="100"/>
        <c:baseTimeUnit val="years"/>
      </c:dateAx>
      <c:valAx>
        <c:axId val="73372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9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09.1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7.3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5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3.6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7.0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86"/>
  <sheetViews>
    <sheetView showGridLines="0" tabSelected="1" topLeftCell="L4" zoomScale="85" zoomScaleNormal="85"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宮崎県　串間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1</v>
      </c>
      <c r="C7" s="51"/>
      <c r="D7" s="51"/>
      <c r="E7" s="51"/>
      <c r="F7" s="51"/>
      <c r="G7" s="51"/>
      <c r="H7" s="51"/>
      <c r="I7" s="51" t="s">
        <v>2</v>
      </c>
      <c r="J7" s="51"/>
      <c r="K7" s="51"/>
      <c r="L7" s="51"/>
      <c r="M7" s="51"/>
      <c r="N7" s="51"/>
      <c r="O7" s="51"/>
      <c r="P7" s="51" t="s">
        <v>3</v>
      </c>
      <c r="Q7" s="51"/>
      <c r="R7" s="51"/>
      <c r="S7" s="51"/>
      <c r="T7" s="51"/>
      <c r="U7" s="51"/>
      <c r="V7" s="51"/>
      <c r="W7" s="51" t="s">
        <v>4</v>
      </c>
      <c r="X7" s="51"/>
      <c r="Y7" s="51"/>
      <c r="Z7" s="51"/>
      <c r="AA7" s="51"/>
      <c r="AB7" s="51"/>
      <c r="AC7" s="51"/>
      <c r="AD7" s="51" t="s">
        <v>5</v>
      </c>
      <c r="AE7" s="51"/>
      <c r="AF7" s="51"/>
      <c r="AG7" s="51"/>
      <c r="AH7" s="51"/>
      <c r="AI7" s="51"/>
      <c r="AJ7" s="51"/>
      <c r="AK7" s="3"/>
      <c r="AL7" s="51" t="s">
        <v>6</v>
      </c>
      <c r="AM7" s="51"/>
      <c r="AN7" s="51"/>
      <c r="AO7" s="51"/>
      <c r="AP7" s="51"/>
      <c r="AQ7" s="51"/>
      <c r="AR7" s="51"/>
      <c r="AS7" s="51"/>
      <c r="AT7" s="51" t="s">
        <v>7</v>
      </c>
      <c r="AU7" s="51"/>
      <c r="AV7" s="51"/>
      <c r="AW7" s="51"/>
      <c r="AX7" s="51"/>
      <c r="AY7" s="51"/>
      <c r="AZ7" s="51"/>
      <c r="BA7" s="51"/>
      <c r="BB7" s="51" t="s">
        <v>8</v>
      </c>
      <c r="BC7" s="51"/>
      <c r="BD7" s="51"/>
      <c r="BE7" s="51"/>
      <c r="BF7" s="51"/>
      <c r="BG7" s="51"/>
      <c r="BH7" s="51"/>
      <c r="BI7" s="51"/>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非適用</v>
      </c>
      <c r="C8" s="65"/>
      <c r="D8" s="65"/>
      <c r="E8" s="65"/>
      <c r="F8" s="65"/>
      <c r="G8" s="65"/>
      <c r="H8" s="65"/>
      <c r="I8" s="65" t="str">
        <f>データ!J6</f>
        <v>下水道事業</v>
      </c>
      <c r="J8" s="65"/>
      <c r="K8" s="65"/>
      <c r="L8" s="65"/>
      <c r="M8" s="65"/>
      <c r="N8" s="65"/>
      <c r="O8" s="65"/>
      <c r="P8" s="65" t="str">
        <f>データ!K6</f>
        <v>農業集落排水</v>
      </c>
      <c r="Q8" s="65"/>
      <c r="R8" s="65"/>
      <c r="S8" s="65"/>
      <c r="T8" s="65"/>
      <c r="U8" s="65"/>
      <c r="V8" s="65"/>
      <c r="W8" s="65" t="str">
        <f>データ!L6</f>
        <v>F2</v>
      </c>
      <c r="X8" s="65"/>
      <c r="Y8" s="65"/>
      <c r="Z8" s="65"/>
      <c r="AA8" s="65"/>
      <c r="AB8" s="65"/>
      <c r="AC8" s="65"/>
      <c r="AD8" s="66" t="str">
        <f>データ!$M$6</f>
        <v>非設置</v>
      </c>
      <c r="AE8" s="66"/>
      <c r="AF8" s="66"/>
      <c r="AG8" s="66"/>
      <c r="AH8" s="66"/>
      <c r="AI8" s="66"/>
      <c r="AJ8" s="66"/>
      <c r="AK8" s="3"/>
      <c r="AL8" s="45">
        <f>データ!S6</f>
        <v>16990</v>
      </c>
      <c r="AM8" s="45"/>
      <c r="AN8" s="45"/>
      <c r="AO8" s="45"/>
      <c r="AP8" s="45"/>
      <c r="AQ8" s="45"/>
      <c r="AR8" s="45"/>
      <c r="AS8" s="45"/>
      <c r="AT8" s="46">
        <f>データ!T6</f>
        <v>294.92</v>
      </c>
      <c r="AU8" s="46"/>
      <c r="AV8" s="46"/>
      <c r="AW8" s="46"/>
      <c r="AX8" s="46"/>
      <c r="AY8" s="46"/>
      <c r="AZ8" s="46"/>
      <c r="BA8" s="46"/>
      <c r="BB8" s="46">
        <f>データ!U6</f>
        <v>57.61</v>
      </c>
      <c r="BC8" s="46"/>
      <c r="BD8" s="46"/>
      <c r="BE8" s="46"/>
      <c r="BF8" s="46"/>
      <c r="BG8" s="46"/>
      <c r="BH8" s="46"/>
      <c r="BI8" s="46"/>
      <c r="BJ8" s="3"/>
      <c r="BK8" s="3"/>
      <c r="BL8" s="61" t="s">
        <v>10</v>
      </c>
      <c r="BM8" s="62"/>
      <c r="BN8" s="63" t="s">
        <v>11</v>
      </c>
      <c r="BO8" s="63"/>
      <c r="BP8" s="63"/>
      <c r="BQ8" s="63"/>
      <c r="BR8" s="63"/>
      <c r="BS8" s="63"/>
      <c r="BT8" s="63"/>
      <c r="BU8" s="63"/>
      <c r="BV8" s="63"/>
      <c r="BW8" s="63"/>
      <c r="BX8" s="63"/>
      <c r="BY8" s="64"/>
    </row>
    <row r="9" spans="1:78" ht="18.75" customHeight="1" x14ac:dyDescent="0.2">
      <c r="A9" s="2"/>
      <c r="B9" s="51" t="s">
        <v>12</v>
      </c>
      <c r="C9" s="51"/>
      <c r="D9" s="51"/>
      <c r="E9" s="51"/>
      <c r="F9" s="51"/>
      <c r="G9" s="51"/>
      <c r="H9" s="51"/>
      <c r="I9" s="51" t="s">
        <v>13</v>
      </c>
      <c r="J9" s="51"/>
      <c r="K9" s="51"/>
      <c r="L9" s="51"/>
      <c r="M9" s="51"/>
      <c r="N9" s="51"/>
      <c r="O9" s="51"/>
      <c r="P9" s="51" t="s">
        <v>14</v>
      </c>
      <c r="Q9" s="51"/>
      <c r="R9" s="51"/>
      <c r="S9" s="51"/>
      <c r="T9" s="51"/>
      <c r="U9" s="51"/>
      <c r="V9" s="51"/>
      <c r="W9" s="51" t="s">
        <v>15</v>
      </c>
      <c r="X9" s="51"/>
      <c r="Y9" s="51"/>
      <c r="Z9" s="51"/>
      <c r="AA9" s="51"/>
      <c r="AB9" s="51"/>
      <c r="AC9" s="51"/>
      <c r="AD9" s="51" t="s">
        <v>16</v>
      </c>
      <c r="AE9" s="51"/>
      <c r="AF9" s="51"/>
      <c r="AG9" s="51"/>
      <c r="AH9" s="51"/>
      <c r="AI9" s="51"/>
      <c r="AJ9" s="51"/>
      <c r="AK9" s="3"/>
      <c r="AL9" s="51" t="s">
        <v>17</v>
      </c>
      <c r="AM9" s="51"/>
      <c r="AN9" s="51"/>
      <c r="AO9" s="51"/>
      <c r="AP9" s="51"/>
      <c r="AQ9" s="51"/>
      <c r="AR9" s="51"/>
      <c r="AS9" s="51"/>
      <c r="AT9" s="51" t="s">
        <v>18</v>
      </c>
      <c r="AU9" s="51"/>
      <c r="AV9" s="51"/>
      <c r="AW9" s="51"/>
      <c r="AX9" s="51"/>
      <c r="AY9" s="51"/>
      <c r="AZ9" s="51"/>
      <c r="BA9" s="51"/>
      <c r="BB9" s="51" t="s">
        <v>19</v>
      </c>
      <c r="BC9" s="51"/>
      <c r="BD9" s="51"/>
      <c r="BE9" s="51"/>
      <c r="BF9" s="51"/>
      <c r="BG9" s="51"/>
      <c r="BH9" s="51"/>
      <c r="BI9" s="51"/>
      <c r="BJ9" s="3"/>
      <c r="BK9" s="3"/>
      <c r="BL9" s="52" t="s">
        <v>20</v>
      </c>
      <c r="BM9" s="53"/>
      <c r="BN9" s="54" t="s">
        <v>21</v>
      </c>
      <c r="BO9" s="54"/>
      <c r="BP9" s="54"/>
      <c r="BQ9" s="54"/>
      <c r="BR9" s="54"/>
      <c r="BS9" s="54"/>
      <c r="BT9" s="54"/>
      <c r="BU9" s="54"/>
      <c r="BV9" s="54"/>
      <c r="BW9" s="54"/>
      <c r="BX9" s="54"/>
      <c r="BY9" s="55"/>
    </row>
    <row r="10" spans="1:78" ht="18.75" customHeight="1" x14ac:dyDescent="0.2">
      <c r="A10" s="2"/>
      <c r="B10" s="46" t="str">
        <f>データ!N6</f>
        <v>-</v>
      </c>
      <c r="C10" s="46"/>
      <c r="D10" s="46"/>
      <c r="E10" s="46"/>
      <c r="F10" s="46"/>
      <c r="G10" s="46"/>
      <c r="H10" s="46"/>
      <c r="I10" s="46" t="str">
        <f>データ!O6</f>
        <v>該当数値なし</v>
      </c>
      <c r="J10" s="46"/>
      <c r="K10" s="46"/>
      <c r="L10" s="46"/>
      <c r="M10" s="46"/>
      <c r="N10" s="46"/>
      <c r="O10" s="46"/>
      <c r="P10" s="46">
        <f>データ!P6</f>
        <v>2.87</v>
      </c>
      <c r="Q10" s="46"/>
      <c r="R10" s="46"/>
      <c r="S10" s="46"/>
      <c r="T10" s="46"/>
      <c r="U10" s="46"/>
      <c r="V10" s="46"/>
      <c r="W10" s="46">
        <f>データ!Q6</f>
        <v>91.02</v>
      </c>
      <c r="X10" s="46"/>
      <c r="Y10" s="46"/>
      <c r="Z10" s="46"/>
      <c r="AA10" s="46"/>
      <c r="AB10" s="46"/>
      <c r="AC10" s="46"/>
      <c r="AD10" s="45">
        <f>データ!R6</f>
        <v>2530</v>
      </c>
      <c r="AE10" s="45"/>
      <c r="AF10" s="45"/>
      <c r="AG10" s="45"/>
      <c r="AH10" s="45"/>
      <c r="AI10" s="45"/>
      <c r="AJ10" s="45"/>
      <c r="AK10" s="2"/>
      <c r="AL10" s="45">
        <f>データ!V6</f>
        <v>483</v>
      </c>
      <c r="AM10" s="45"/>
      <c r="AN10" s="45"/>
      <c r="AO10" s="45"/>
      <c r="AP10" s="45"/>
      <c r="AQ10" s="45"/>
      <c r="AR10" s="45"/>
      <c r="AS10" s="45"/>
      <c r="AT10" s="46">
        <f>データ!W6</f>
        <v>0.41</v>
      </c>
      <c r="AU10" s="46"/>
      <c r="AV10" s="46"/>
      <c r="AW10" s="46"/>
      <c r="AX10" s="46"/>
      <c r="AY10" s="46"/>
      <c r="AZ10" s="46"/>
      <c r="BA10" s="46"/>
      <c r="BB10" s="46">
        <f>データ!X6</f>
        <v>1178.05</v>
      </c>
      <c r="BC10" s="46"/>
      <c r="BD10" s="46"/>
      <c r="BE10" s="46"/>
      <c r="BF10" s="46"/>
      <c r="BG10" s="46"/>
      <c r="BH10" s="46"/>
      <c r="BI10" s="46"/>
      <c r="BJ10" s="2"/>
      <c r="BK10" s="2"/>
      <c r="BL10" s="47" t="s">
        <v>22</v>
      </c>
      <c r="BM10" s="48"/>
      <c r="BN10" s="49" t="s">
        <v>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8</v>
      </c>
      <c r="BM16" s="80"/>
      <c r="BN16" s="80"/>
      <c r="BO16" s="80"/>
      <c r="BP16" s="80"/>
      <c r="BQ16" s="80"/>
      <c r="BR16" s="80"/>
      <c r="BS16" s="80"/>
      <c r="BT16" s="80"/>
      <c r="BU16" s="80"/>
      <c r="BV16" s="80"/>
      <c r="BW16" s="80"/>
      <c r="BX16" s="80"/>
      <c r="BY16" s="80"/>
      <c r="BZ16" s="8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80"/>
      <c r="BN17" s="80"/>
      <c r="BO17" s="80"/>
      <c r="BP17" s="80"/>
      <c r="BQ17" s="80"/>
      <c r="BR17" s="80"/>
      <c r="BS17" s="80"/>
      <c r="BT17" s="80"/>
      <c r="BU17" s="80"/>
      <c r="BV17" s="80"/>
      <c r="BW17" s="80"/>
      <c r="BX17" s="80"/>
      <c r="BY17" s="80"/>
      <c r="BZ17" s="8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80"/>
      <c r="BN18" s="80"/>
      <c r="BO18" s="80"/>
      <c r="BP18" s="80"/>
      <c r="BQ18" s="80"/>
      <c r="BR18" s="80"/>
      <c r="BS18" s="80"/>
      <c r="BT18" s="80"/>
      <c r="BU18" s="80"/>
      <c r="BV18" s="80"/>
      <c r="BW18" s="80"/>
      <c r="BX18" s="80"/>
      <c r="BY18" s="80"/>
      <c r="BZ18" s="8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80"/>
      <c r="BN19" s="80"/>
      <c r="BO19" s="80"/>
      <c r="BP19" s="80"/>
      <c r="BQ19" s="80"/>
      <c r="BR19" s="80"/>
      <c r="BS19" s="80"/>
      <c r="BT19" s="80"/>
      <c r="BU19" s="80"/>
      <c r="BV19" s="80"/>
      <c r="BW19" s="80"/>
      <c r="BX19" s="80"/>
      <c r="BY19" s="80"/>
      <c r="BZ19" s="8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80"/>
      <c r="BN20" s="80"/>
      <c r="BO20" s="80"/>
      <c r="BP20" s="80"/>
      <c r="BQ20" s="80"/>
      <c r="BR20" s="80"/>
      <c r="BS20" s="80"/>
      <c r="BT20" s="80"/>
      <c r="BU20" s="80"/>
      <c r="BV20" s="80"/>
      <c r="BW20" s="80"/>
      <c r="BX20" s="80"/>
      <c r="BY20" s="80"/>
      <c r="BZ20" s="8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80"/>
      <c r="BN21" s="80"/>
      <c r="BO21" s="80"/>
      <c r="BP21" s="80"/>
      <c r="BQ21" s="80"/>
      <c r="BR21" s="80"/>
      <c r="BS21" s="80"/>
      <c r="BT21" s="80"/>
      <c r="BU21" s="80"/>
      <c r="BV21" s="80"/>
      <c r="BW21" s="80"/>
      <c r="BX21" s="80"/>
      <c r="BY21" s="80"/>
      <c r="BZ21" s="8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80"/>
      <c r="BN22" s="80"/>
      <c r="BO22" s="80"/>
      <c r="BP22" s="80"/>
      <c r="BQ22" s="80"/>
      <c r="BR22" s="80"/>
      <c r="BS22" s="80"/>
      <c r="BT22" s="80"/>
      <c r="BU22" s="80"/>
      <c r="BV22" s="80"/>
      <c r="BW22" s="80"/>
      <c r="BX22" s="80"/>
      <c r="BY22" s="80"/>
      <c r="BZ22" s="8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80"/>
      <c r="BN23" s="80"/>
      <c r="BO23" s="80"/>
      <c r="BP23" s="80"/>
      <c r="BQ23" s="80"/>
      <c r="BR23" s="80"/>
      <c r="BS23" s="80"/>
      <c r="BT23" s="80"/>
      <c r="BU23" s="80"/>
      <c r="BV23" s="80"/>
      <c r="BW23" s="80"/>
      <c r="BX23" s="80"/>
      <c r="BY23" s="80"/>
      <c r="BZ23" s="8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80"/>
      <c r="BN24" s="80"/>
      <c r="BO24" s="80"/>
      <c r="BP24" s="80"/>
      <c r="BQ24" s="80"/>
      <c r="BR24" s="80"/>
      <c r="BS24" s="80"/>
      <c r="BT24" s="80"/>
      <c r="BU24" s="80"/>
      <c r="BV24" s="80"/>
      <c r="BW24" s="80"/>
      <c r="BX24" s="80"/>
      <c r="BY24" s="80"/>
      <c r="BZ24" s="8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80"/>
      <c r="BN25" s="80"/>
      <c r="BO25" s="80"/>
      <c r="BP25" s="80"/>
      <c r="BQ25" s="80"/>
      <c r="BR25" s="80"/>
      <c r="BS25" s="80"/>
      <c r="BT25" s="80"/>
      <c r="BU25" s="80"/>
      <c r="BV25" s="80"/>
      <c r="BW25" s="80"/>
      <c r="BX25" s="80"/>
      <c r="BY25" s="80"/>
      <c r="BZ25" s="8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80"/>
      <c r="BN26" s="80"/>
      <c r="BO26" s="80"/>
      <c r="BP26" s="80"/>
      <c r="BQ26" s="80"/>
      <c r="BR26" s="80"/>
      <c r="BS26" s="80"/>
      <c r="BT26" s="80"/>
      <c r="BU26" s="80"/>
      <c r="BV26" s="80"/>
      <c r="BW26" s="80"/>
      <c r="BX26" s="80"/>
      <c r="BY26" s="80"/>
      <c r="BZ26" s="8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80"/>
      <c r="BN27" s="80"/>
      <c r="BO27" s="80"/>
      <c r="BP27" s="80"/>
      <c r="BQ27" s="80"/>
      <c r="BR27" s="80"/>
      <c r="BS27" s="80"/>
      <c r="BT27" s="80"/>
      <c r="BU27" s="80"/>
      <c r="BV27" s="80"/>
      <c r="BW27" s="80"/>
      <c r="BX27" s="80"/>
      <c r="BY27" s="80"/>
      <c r="BZ27" s="8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80"/>
      <c r="BN28" s="80"/>
      <c r="BO28" s="80"/>
      <c r="BP28" s="80"/>
      <c r="BQ28" s="80"/>
      <c r="BR28" s="80"/>
      <c r="BS28" s="80"/>
      <c r="BT28" s="80"/>
      <c r="BU28" s="80"/>
      <c r="BV28" s="80"/>
      <c r="BW28" s="80"/>
      <c r="BX28" s="80"/>
      <c r="BY28" s="80"/>
      <c r="BZ28" s="8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80"/>
      <c r="BN29" s="80"/>
      <c r="BO29" s="80"/>
      <c r="BP29" s="80"/>
      <c r="BQ29" s="80"/>
      <c r="BR29" s="80"/>
      <c r="BS29" s="80"/>
      <c r="BT29" s="80"/>
      <c r="BU29" s="80"/>
      <c r="BV29" s="80"/>
      <c r="BW29" s="80"/>
      <c r="BX29" s="80"/>
      <c r="BY29" s="80"/>
      <c r="BZ29" s="8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80"/>
      <c r="BN30" s="80"/>
      <c r="BO30" s="80"/>
      <c r="BP30" s="80"/>
      <c r="BQ30" s="80"/>
      <c r="BR30" s="80"/>
      <c r="BS30" s="80"/>
      <c r="BT30" s="80"/>
      <c r="BU30" s="80"/>
      <c r="BV30" s="80"/>
      <c r="BW30" s="80"/>
      <c r="BX30" s="80"/>
      <c r="BY30" s="80"/>
      <c r="BZ30" s="8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80"/>
      <c r="BN31" s="80"/>
      <c r="BO31" s="80"/>
      <c r="BP31" s="80"/>
      <c r="BQ31" s="80"/>
      <c r="BR31" s="80"/>
      <c r="BS31" s="80"/>
      <c r="BT31" s="80"/>
      <c r="BU31" s="80"/>
      <c r="BV31" s="80"/>
      <c r="BW31" s="80"/>
      <c r="BX31" s="80"/>
      <c r="BY31" s="80"/>
      <c r="BZ31" s="8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80"/>
      <c r="BN32" s="80"/>
      <c r="BO32" s="80"/>
      <c r="BP32" s="80"/>
      <c r="BQ32" s="80"/>
      <c r="BR32" s="80"/>
      <c r="BS32" s="80"/>
      <c r="BT32" s="80"/>
      <c r="BU32" s="80"/>
      <c r="BV32" s="80"/>
      <c r="BW32" s="80"/>
      <c r="BX32" s="80"/>
      <c r="BY32" s="80"/>
      <c r="BZ32" s="8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80"/>
      <c r="BN33" s="80"/>
      <c r="BO33" s="80"/>
      <c r="BP33" s="80"/>
      <c r="BQ33" s="80"/>
      <c r="BR33" s="80"/>
      <c r="BS33" s="80"/>
      <c r="BT33" s="80"/>
      <c r="BU33" s="80"/>
      <c r="BV33" s="80"/>
      <c r="BW33" s="80"/>
      <c r="BX33" s="80"/>
      <c r="BY33" s="80"/>
      <c r="BZ33" s="8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80"/>
      <c r="BN34" s="80"/>
      <c r="BO34" s="80"/>
      <c r="BP34" s="80"/>
      <c r="BQ34" s="80"/>
      <c r="BR34" s="80"/>
      <c r="BS34" s="80"/>
      <c r="BT34" s="80"/>
      <c r="BU34" s="80"/>
      <c r="BV34" s="80"/>
      <c r="BW34" s="80"/>
      <c r="BX34" s="80"/>
      <c r="BY34" s="80"/>
      <c r="BZ34" s="8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80"/>
      <c r="BN35" s="80"/>
      <c r="BO35" s="80"/>
      <c r="BP35" s="80"/>
      <c r="BQ35" s="80"/>
      <c r="BR35" s="80"/>
      <c r="BS35" s="80"/>
      <c r="BT35" s="80"/>
      <c r="BU35" s="80"/>
      <c r="BV35" s="80"/>
      <c r="BW35" s="80"/>
      <c r="BX35" s="80"/>
      <c r="BY35" s="80"/>
      <c r="BZ35" s="8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80"/>
      <c r="BN36" s="80"/>
      <c r="BO36" s="80"/>
      <c r="BP36" s="80"/>
      <c r="BQ36" s="80"/>
      <c r="BR36" s="80"/>
      <c r="BS36" s="80"/>
      <c r="BT36" s="80"/>
      <c r="BU36" s="80"/>
      <c r="BV36" s="80"/>
      <c r="BW36" s="80"/>
      <c r="BX36" s="80"/>
      <c r="BY36" s="80"/>
      <c r="BZ36" s="8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80"/>
      <c r="BN37" s="80"/>
      <c r="BO37" s="80"/>
      <c r="BP37" s="80"/>
      <c r="BQ37" s="80"/>
      <c r="BR37" s="80"/>
      <c r="BS37" s="80"/>
      <c r="BT37" s="80"/>
      <c r="BU37" s="80"/>
      <c r="BV37" s="80"/>
      <c r="BW37" s="80"/>
      <c r="BX37" s="80"/>
      <c r="BY37" s="80"/>
      <c r="BZ37" s="8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80"/>
      <c r="BN38" s="80"/>
      <c r="BO38" s="80"/>
      <c r="BP38" s="80"/>
      <c r="BQ38" s="80"/>
      <c r="BR38" s="80"/>
      <c r="BS38" s="80"/>
      <c r="BT38" s="80"/>
      <c r="BU38" s="80"/>
      <c r="BV38" s="80"/>
      <c r="BW38" s="80"/>
      <c r="BX38" s="80"/>
      <c r="BY38" s="80"/>
      <c r="BZ38" s="8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80"/>
      <c r="BN39" s="80"/>
      <c r="BO39" s="80"/>
      <c r="BP39" s="80"/>
      <c r="BQ39" s="80"/>
      <c r="BR39" s="80"/>
      <c r="BS39" s="80"/>
      <c r="BT39" s="80"/>
      <c r="BU39" s="80"/>
      <c r="BV39" s="80"/>
      <c r="BW39" s="80"/>
      <c r="BX39" s="80"/>
      <c r="BY39" s="80"/>
      <c r="BZ39" s="8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80"/>
      <c r="BN40" s="80"/>
      <c r="BO40" s="80"/>
      <c r="BP40" s="80"/>
      <c r="BQ40" s="80"/>
      <c r="BR40" s="80"/>
      <c r="BS40" s="80"/>
      <c r="BT40" s="80"/>
      <c r="BU40" s="80"/>
      <c r="BV40" s="80"/>
      <c r="BW40" s="80"/>
      <c r="BX40" s="80"/>
      <c r="BY40" s="80"/>
      <c r="BZ40" s="8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80"/>
      <c r="BN41" s="80"/>
      <c r="BO41" s="80"/>
      <c r="BP41" s="80"/>
      <c r="BQ41" s="80"/>
      <c r="BR41" s="80"/>
      <c r="BS41" s="80"/>
      <c r="BT41" s="80"/>
      <c r="BU41" s="80"/>
      <c r="BV41" s="80"/>
      <c r="BW41" s="80"/>
      <c r="BX41" s="80"/>
      <c r="BY41" s="80"/>
      <c r="BZ41" s="8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80"/>
      <c r="BN42" s="80"/>
      <c r="BO42" s="80"/>
      <c r="BP42" s="80"/>
      <c r="BQ42" s="80"/>
      <c r="BR42" s="80"/>
      <c r="BS42" s="80"/>
      <c r="BT42" s="80"/>
      <c r="BU42" s="80"/>
      <c r="BV42" s="80"/>
      <c r="BW42" s="80"/>
      <c r="BX42" s="80"/>
      <c r="BY42" s="80"/>
      <c r="BZ42" s="8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80"/>
      <c r="BN43" s="80"/>
      <c r="BO43" s="80"/>
      <c r="BP43" s="80"/>
      <c r="BQ43" s="80"/>
      <c r="BR43" s="80"/>
      <c r="BS43" s="80"/>
      <c r="BT43" s="80"/>
      <c r="BU43" s="80"/>
      <c r="BV43" s="80"/>
      <c r="BW43" s="80"/>
      <c r="BX43" s="80"/>
      <c r="BY43" s="80"/>
      <c r="BZ43" s="8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82"/>
      <c r="BM44" s="83"/>
      <c r="BN44" s="83"/>
      <c r="BO44" s="83"/>
      <c r="BP44" s="83"/>
      <c r="BQ44" s="83"/>
      <c r="BR44" s="83"/>
      <c r="BS44" s="83"/>
      <c r="BT44" s="83"/>
      <c r="BU44" s="83"/>
      <c r="BV44" s="83"/>
      <c r="BW44" s="83"/>
      <c r="BX44" s="83"/>
      <c r="BY44" s="83"/>
      <c r="BZ44" s="8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7</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6</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x14ac:dyDescent="0.2">
      <c r="C84" s="2"/>
    </row>
    <row r="85" spans="1:78" hidden="1" x14ac:dyDescent="0.2">
      <c r="B85" s="12" t="s">
        <v>31</v>
      </c>
      <c r="C85" s="12"/>
      <c r="D85" s="12"/>
      <c r="E85" s="12" t="s">
        <v>32</v>
      </c>
      <c r="F85" s="12" t="s">
        <v>33</v>
      </c>
      <c r="G85" s="12" t="s">
        <v>34</v>
      </c>
      <c r="H85" s="12" t="s">
        <v>35</v>
      </c>
      <c r="I85" s="12" t="s">
        <v>36</v>
      </c>
      <c r="J85" s="12" t="s">
        <v>37</v>
      </c>
      <c r="K85" s="12" t="s">
        <v>38</v>
      </c>
      <c r="L85" s="12" t="s">
        <v>39</v>
      </c>
      <c r="M85" s="12" t="s">
        <v>40</v>
      </c>
      <c r="N85" s="12" t="s">
        <v>41</v>
      </c>
      <c r="O85" s="12" t="s">
        <v>42</v>
      </c>
    </row>
    <row r="86" spans="1:78" hidden="1" x14ac:dyDescent="0.2">
      <c r="B86" s="12"/>
      <c r="C86" s="12"/>
      <c r="D86" s="12"/>
      <c r="E86" s="12" t="str">
        <f>データ!AI6</f>
        <v/>
      </c>
      <c r="F86" s="12" t="s">
        <v>43</v>
      </c>
      <c r="G86" s="12" t="s">
        <v>43</v>
      </c>
      <c r="H86" s="12" t="str">
        <f>データ!BP6</f>
        <v>【809.19】</v>
      </c>
      <c r="I86" s="12" t="str">
        <f>データ!CA6</f>
        <v>【57.02】</v>
      </c>
      <c r="J86" s="12" t="str">
        <f>データ!CL6</f>
        <v>【273.68】</v>
      </c>
      <c r="K86" s="12" t="str">
        <f>データ!CW6</f>
        <v>【52.55】</v>
      </c>
      <c r="L86" s="12" t="str">
        <f>データ!DH6</f>
        <v>【87.30】</v>
      </c>
      <c r="M86" s="12" t="s">
        <v>44</v>
      </c>
      <c r="N86" s="12" t="s">
        <v>44</v>
      </c>
      <c r="O86" s="12" t="str">
        <f>データ!EO6</f>
        <v>【0.02】</v>
      </c>
    </row>
  </sheetData>
  <sheetProtection algorithmName="SHA-512" hashValue="RJp3yzqngEb7nuorRHSC3rsshg1omS70Tnb+4eli6wR+IC8/9fInmv7QH35N2T4SirsIombZx4dRhqyxoZShng==" saltValue="h/mwLIhTcrABqU0w1NjnTg=="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O13"/>
  <sheetViews>
    <sheetView showGridLines="0" workbookViewId="0"/>
  </sheetViews>
  <sheetFormatPr defaultRowHeight="13.2" x14ac:dyDescent="0.2"/>
  <cols>
    <col min="2" max="144" width="11.88671875" customWidth="1"/>
  </cols>
  <sheetData>
    <row r="1" spans="1:145" x14ac:dyDescent="0.2">
      <c r="A1" t="s">
        <v>45</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5" x14ac:dyDescent="0.2">
      <c r="A2" s="14" t="s">
        <v>46</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5" x14ac:dyDescent="0.2">
      <c r="A3" s="14" t="s">
        <v>47</v>
      </c>
      <c r="B3" s="15" t="s">
        <v>48</v>
      </c>
      <c r="C3" s="15" t="s">
        <v>49</v>
      </c>
      <c r="D3" s="15" t="s">
        <v>50</v>
      </c>
      <c r="E3" s="15" t="s">
        <v>51</v>
      </c>
      <c r="F3" s="15" t="s">
        <v>52</v>
      </c>
      <c r="G3" s="15" t="s">
        <v>53</v>
      </c>
      <c r="H3" s="73" t="s">
        <v>54</v>
      </c>
      <c r="I3" s="74"/>
      <c r="J3" s="74"/>
      <c r="K3" s="74"/>
      <c r="L3" s="74"/>
      <c r="M3" s="74"/>
      <c r="N3" s="74"/>
      <c r="O3" s="74"/>
      <c r="P3" s="74"/>
      <c r="Q3" s="74"/>
      <c r="R3" s="74"/>
      <c r="S3" s="74"/>
      <c r="T3" s="74"/>
      <c r="U3" s="74"/>
      <c r="V3" s="74"/>
      <c r="W3" s="74"/>
      <c r="X3" s="75"/>
      <c r="Y3" s="79" t="s">
        <v>55</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6</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5" x14ac:dyDescent="0.2">
      <c r="A4" s="14" t="s">
        <v>57</v>
      </c>
      <c r="B4" s="16"/>
      <c r="C4" s="16"/>
      <c r="D4" s="16"/>
      <c r="E4" s="16"/>
      <c r="F4" s="16"/>
      <c r="G4" s="16"/>
      <c r="H4" s="76"/>
      <c r="I4" s="77"/>
      <c r="J4" s="77"/>
      <c r="K4" s="77"/>
      <c r="L4" s="77"/>
      <c r="M4" s="77"/>
      <c r="N4" s="77"/>
      <c r="O4" s="77"/>
      <c r="P4" s="77"/>
      <c r="Q4" s="77"/>
      <c r="R4" s="77"/>
      <c r="S4" s="77"/>
      <c r="T4" s="77"/>
      <c r="U4" s="77"/>
      <c r="V4" s="77"/>
      <c r="W4" s="77"/>
      <c r="X4" s="78"/>
      <c r="Y4" s="72" t="s">
        <v>58</v>
      </c>
      <c r="Z4" s="72"/>
      <c r="AA4" s="72"/>
      <c r="AB4" s="72"/>
      <c r="AC4" s="72"/>
      <c r="AD4" s="72"/>
      <c r="AE4" s="72"/>
      <c r="AF4" s="72"/>
      <c r="AG4" s="72"/>
      <c r="AH4" s="72"/>
      <c r="AI4" s="72"/>
      <c r="AJ4" s="72" t="s">
        <v>59</v>
      </c>
      <c r="AK4" s="72"/>
      <c r="AL4" s="72"/>
      <c r="AM4" s="72"/>
      <c r="AN4" s="72"/>
      <c r="AO4" s="72"/>
      <c r="AP4" s="72"/>
      <c r="AQ4" s="72"/>
      <c r="AR4" s="72"/>
      <c r="AS4" s="72"/>
      <c r="AT4" s="72"/>
      <c r="AU4" s="72" t="s">
        <v>60</v>
      </c>
      <c r="AV4" s="72"/>
      <c r="AW4" s="72"/>
      <c r="AX4" s="72"/>
      <c r="AY4" s="72"/>
      <c r="AZ4" s="72"/>
      <c r="BA4" s="72"/>
      <c r="BB4" s="72"/>
      <c r="BC4" s="72"/>
      <c r="BD4" s="72"/>
      <c r="BE4" s="72"/>
      <c r="BF4" s="72" t="s">
        <v>61</v>
      </c>
      <c r="BG4" s="72"/>
      <c r="BH4" s="72"/>
      <c r="BI4" s="72"/>
      <c r="BJ4" s="72"/>
      <c r="BK4" s="72"/>
      <c r="BL4" s="72"/>
      <c r="BM4" s="72"/>
      <c r="BN4" s="72"/>
      <c r="BO4" s="72"/>
      <c r="BP4" s="72"/>
      <c r="BQ4" s="72" t="s">
        <v>62</v>
      </c>
      <c r="BR4" s="72"/>
      <c r="BS4" s="72"/>
      <c r="BT4" s="72"/>
      <c r="BU4" s="72"/>
      <c r="BV4" s="72"/>
      <c r="BW4" s="72"/>
      <c r="BX4" s="72"/>
      <c r="BY4" s="72"/>
      <c r="BZ4" s="72"/>
      <c r="CA4" s="72"/>
      <c r="CB4" s="72" t="s">
        <v>63</v>
      </c>
      <c r="CC4" s="72"/>
      <c r="CD4" s="72"/>
      <c r="CE4" s="72"/>
      <c r="CF4" s="72"/>
      <c r="CG4" s="72"/>
      <c r="CH4" s="72"/>
      <c r="CI4" s="72"/>
      <c r="CJ4" s="72"/>
      <c r="CK4" s="72"/>
      <c r="CL4" s="72"/>
      <c r="CM4" s="72" t="s">
        <v>64</v>
      </c>
      <c r="CN4" s="72"/>
      <c r="CO4" s="72"/>
      <c r="CP4" s="72"/>
      <c r="CQ4" s="72"/>
      <c r="CR4" s="72"/>
      <c r="CS4" s="72"/>
      <c r="CT4" s="72"/>
      <c r="CU4" s="72"/>
      <c r="CV4" s="72"/>
      <c r="CW4" s="72"/>
      <c r="CX4" s="72" t="s">
        <v>65</v>
      </c>
      <c r="CY4" s="72"/>
      <c r="CZ4" s="72"/>
      <c r="DA4" s="72"/>
      <c r="DB4" s="72"/>
      <c r="DC4" s="72"/>
      <c r="DD4" s="72"/>
      <c r="DE4" s="72"/>
      <c r="DF4" s="72"/>
      <c r="DG4" s="72"/>
      <c r="DH4" s="72"/>
      <c r="DI4" s="72" t="s">
        <v>66</v>
      </c>
      <c r="DJ4" s="72"/>
      <c r="DK4" s="72"/>
      <c r="DL4" s="72"/>
      <c r="DM4" s="72"/>
      <c r="DN4" s="72"/>
      <c r="DO4" s="72"/>
      <c r="DP4" s="72"/>
      <c r="DQ4" s="72"/>
      <c r="DR4" s="72"/>
      <c r="DS4" s="72"/>
      <c r="DT4" s="72" t="s">
        <v>67</v>
      </c>
      <c r="DU4" s="72"/>
      <c r="DV4" s="72"/>
      <c r="DW4" s="72"/>
      <c r="DX4" s="72"/>
      <c r="DY4" s="72"/>
      <c r="DZ4" s="72"/>
      <c r="EA4" s="72"/>
      <c r="EB4" s="72"/>
      <c r="EC4" s="72"/>
      <c r="ED4" s="72"/>
      <c r="EE4" s="72" t="s">
        <v>68</v>
      </c>
      <c r="EF4" s="72"/>
      <c r="EG4" s="72"/>
      <c r="EH4" s="72"/>
      <c r="EI4" s="72"/>
      <c r="EJ4" s="72"/>
      <c r="EK4" s="72"/>
      <c r="EL4" s="72"/>
      <c r="EM4" s="72"/>
      <c r="EN4" s="72"/>
      <c r="EO4" s="72"/>
    </row>
    <row r="5" spans="1:145" x14ac:dyDescent="0.2">
      <c r="A5" s="14" t="s">
        <v>69</v>
      </c>
      <c r="B5" s="17"/>
      <c r="C5" s="17"/>
      <c r="D5" s="17"/>
      <c r="E5" s="17"/>
      <c r="F5" s="17"/>
      <c r="G5" s="17"/>
      <c r="H5" s="18" t="s">
        <v>70</v>
      </c>
      <c r="I5" s="18" t="s">
        <v>71</v>
      </c>
      <c r="J5" s="18" t="s">
        <v>72</v>
      </c>
      <c r="K5" s="18" t="s">
        <v>73</v>
      </c>
      <c r="L5" s="18" t="s">
        <v>74</v>
      </c>
      <c r="M5" s="18" t="s">
        <v>5</v>
      </c>
      <c r="N5" s="18" t="s">
        <v>75</v>
      </c>
      <c r="O5" s="18" t="s">
        <v>76</v>
      </c>
      <c r="P5" s="18" t="s">
        <v>77</v>
      </c>
      <c r="Q5" s="18" t="s">
        <v>78</v>
      </c>
      <c r="R5" s="18" t="s">
        <v>79</v>
      </c>
      <c r="S5" s="18" t="s">
        <v>80</v>
      </c>
      <c r="T5" s="18" t="s">
        <v>81</v>
      </c>
      <c r="U5" s="18" t="s">
        <v>82</v>
      </c>
      <c r="V5" s="18" t="s">
        <v>83</v>
      </c>
      <c r="W5" s="18" t="s">
        <v>84</v>
      </c>
      <c r="X5" s="18" t="s">
        <v>85</v>
      </c>
      <c r="Y5" s="18" t="s">
        <v>86</v>
      </c>
      <c r="Z5" s="18" t="s">
        <v>87</v>
      </c>
      <c r="AA5" s="18" t="s">
        <v>88</v>
      </c>
      <c r="AB5" s="18" t="s">
        <v>89</v>
      </c>
      <c r="AC5" s="18" t="s">
        <v>90</v>
      </c>
      <c r="AD5" s="18" t="s">
        <v>91</v>
      </c>
      <c r="AE5" s="18" t="s">
        <v>92</v>
      </c>
      <c r="AF5" s="18" t="s">
        <v>93</v>
      </c>
      <c r="AG5" s="18" t="s">
        <v>94</v>
      </c>
      <c r="AH5" s="18" t="s">
        <v>95</v>
      </c>
      <c r="AI5" s="18" t="s">
        <v>31</v>
      </c>
      <c r="AJ5" s="18" t="s">
        <v>86</v>
      </c>
      <c r="AK5" s="18" t="s">
        <v>87</v>
      </c>
      <c r="AL5" s="18" t="s">
        <v>88</v>
      </c>
      <c r="AM5" s="18" t="s">
        <v>89</v>
      </c>
      <c r="AN5" s="18" t="s">
        <v>90</v>
      </c>
      <c r="AO5" s="18" t="s">
        <v>91</v>
      </c>
      <c r="AP5" s="18" t="s">
        <v>92</v>
      </c>
      <c r="AQ5" s="18" t="s">
        <v>93</v>
      </c>
      <c r="AR5" s="18" t="s">
        <v>94</v>
      </c>
      <c r="AS5" s="18" t="s">
        <v>95</v>
      </c>
      <c r="AT5" s="18" t="s">
        <v>96</v>
      </c>
      <c r="AU5" s="18" t="s">
        <v>86</v>
      </c>
      <c r="AV5" s="18" t="s">
        <v>87</v>
      </c>
      <c r="AW5" s="18" t="s">
        <v>88</v>
      </c>
      <c r="AX5" s="18" t="s">
        <v>89</v>
      </c>
      <c r="AY5" s="18" t="s">
        <v>90</v>
      </c>
      <c r="AZ5" s="18" t="s">
        <v>91</v>
      </c>
      <c r="BA5" s="18" t="s">
        <v>92</v>
      </c>
      <c r="BB5" s="18" t="s">
        <v>93</v>
      </c>
      <c r="BC5" s="18" t="s">
        <v>94</v>
      </c>
      <c r="BD5" s="18" t="s">
        <v>95</v>
      </c>
      <c r="BE5" s="18" t="s">
        <v>96</v>
      </c>
      <c r="BF5" s="18" t="s">
        <v>86</v>
      </c>
      <c r="BG5" s="18" t="s">
        <v>87</v>
      </c>
      <c r="BH5" s="18" t="s">
        <v>88</v>
      </c>
      <c r="BI5" s="18" t="s">
        <v>89</v>
      </c>
      <c r="BJ5" s="18" t="s">
        <v>90</v>
      </c>
      <c r="BK5" s="18" t="s">
        <v>91</v>
      </c>
      <c r="BL5" s="18" t="s">
        <v>92</v>
      </c>
      <c r="BM5" s="18" t="s">
        <v>93</v>
      </c>
      <c r="BN5" s="18" t="s">
        <v>94</v>
      </c>
      <c r="BO5" s="18" t="s">
        <v>95</v>
      </c>
      <c r="BP5" s="18" t="s">
        <v>96</v>
      </c>
      <c r="BQ5" s="18" t="s">
        <v>86</v>
      </c>
      <c r="BR5" s="18" t="s">
        <v>87</v>
      </c>
      <c r="BS5" s="18" t="s">
        <v>88</v>
      </c>
      <c r="BT5" s="18" t="s">
        <v>89</v>
      </c>
      <c r="BU5" s="18" t="s">
        <v>90</v>
      </c>
      <c r="BV5" s="18" t="s">
        <v>91</v>
      </c>
      <c r="BW5" s="18" t="s">
        <v>92</v>
      </c>
      <c r="BX5" s="18" t="s">
        <v>93</v>
      </c>
      <c r="BY5" s="18" t="s">
        <v>94</v>
      </c>
      <c r="BZ5" s="18" t="s">
        <v>95</v>
      </c>
      <c r="CA5" s="18" t="s">
        <v>96</v>
      </c>
      <c r="CB5" s="18" t="s">
        <v>86</v>
      </c>
      <c r="CC5" s="18" t="s">
        <v>87</v>
      </c>
      <c r="CD5" s="18" t="s">
        <v>88</v>
      </c>
      <c r="CE5" s="18" t="s">
        <v>89</v>
      </c>
      <c r="CF5" s="18" t="s">
        <v>90</v>
      </c>
      <c r="CG5" s="18" t="s">
        <v>91</v>
      </c>
      <c r="CH5" s="18" t="s">
        <v>92</v>
      </c>
      <c r="CI5" s="18" t="s">
        <v>93</v>
      </c>
      <c r="CJ5" s="18" t="s">
        <v>94</v>
      </c>
      <c r="CK5" s="18" t="s">
        <v>95</v>
      </c>
      <c r="CL5" s="18" t="s">
        <v>96</v>
      </c>
      <c r="CM5" s="18" t="s">
        <v>86</v>
      </c>
      <c r="CN5" s="18" t="s">
        <v>87</v>
      </c>
      <c r="CO5" s="18" t="s">
        <v>88</v>
      </c>
      <c r="CP5" s="18" t="s">
        <v>89</v>
      </c>
      <c r="CQ5" s="18" t="s">
        <v>90</v>
      </c>
      <c r="CR5" s="18" t="s">
        <v>91</v>
      </c>
      <c r="CS5" s="18" t="s">
        <v>92</v>
      </c>
      <c r="CT5" s="18" t="s">
        <v>93</v>
      </c>
      <c r="CU5" s="18" t="s">
        <v>94</v>
      </c>
      <c r="CV5" s="18" t="s">
        <v>95</v>
      </c>
      <c r="CW5" s="18" t="s">
        <v>96</v>
      </c>
      <c r="CX5" s="18" t="s">
        <v>86</v>
      </c>
      <c r="CY5" s="18" t="s">
        <v>87</v>
      </c>
      <c r="CZ5" s="18" t="s">
        <v>88</v>
      </c>
      <c r="DA5" s="18" t="s">
        <v>89</v>
      </c>
      <c r="DB5" s="18" t="s">
        <v>90</v>
      </c>
      <c r="DC5" s="18" t="s">
        <v>91</v>
      </c>
      <c r="DD5" s="18" t="s">
        <v>92</v>
      </c>
      <c r="DE5" s="18" t="s">
        <v>93</v>
      </c>
      <c r="DF5" s="18" t="s">
        <v>94</v>
      </c>
      <c r="DG5" s="18" t="s">
        <v>95</v>
      </c>
      <c r="DH5" s="18" t="s">
        <v>96</v>
      </c>
      <c r="DI5" s="18" t="s">
        <v>86</v>
      </c>
      <c r="DJ5" s="18" t="s">
        <v>87</v>
      </c>
      <c r="DK5" s="18" t="s">
        <v>88</v>
      </c>
      <c r="DL5" s="18" t="s">
        <v>89</v>
      </c>
      <c r="DM5" s="18" t="s">
        <v>90</v>
      </c>
      <c r="DN5" s="18" t="s">
        <v>91</v>
      </c>
      <c r="DO5" s="18" t="s">
        <v>92</v>
      </c>
      <c r="DP5" s="18" t="s">
        <v>93</v>
      </c>
      <c r="DQ5" s="18" t="s">
        <v>94</v>
      </c>
      <c r="DR5" s="18" t="s">
        <v>95</v>
      </c>
      <c r="DS5" s="18" t="s">
        <v>96</v>
      </c>
      <c r="DT5" s="18" t="s">
        <v>86</v>
      </c>
      <c r="DU5" s="18" t="s">
        <v>87</v>
      </c>
      <c r="DV5" s="18" t="s">
        <v>88</v>
      </c>
      <c r="DW5" s="18" t="s">
        <v>89</v>
      </c>
      <c r="DX5" s="18" t="s">
        <v>90</v>
      </c>
      <c r="DY5" s="18" t="s">
        <v>91</v>
      </c>
      <c r="DZ5" s="18" t="s">
        <v>92</v>
      </c>
      <c r="EA5" s="18" t="s">
        <v>93</v>
      </c>
      <c r="EB5" s="18" t="s">
        <v>94</v>
      </c>
      <c r="EC5" s="18" t="s">
        <v>95</v>
      </c>
      <c r="ED5" s="18" t="s">
        <v>96</v>
      </c>
      <c r="EE5" s="18" t="s">
        <v>86</v>
      </c>
      <c r="EF5" s="18" t="s">
        <v>87</v>
      </c>
      <c r="EG5" s="18" t="s">
        <v>88</v>
      </c>
      <c r="EH5" s="18" t="s">
        <v>89</v>
      </c>
      <c r="EI5" s="18" t="s">
        <v>90</v>
      </c>
      <c r="EJ5" s="18" t="s">
        <v>91</v>
      </c>
      <c r="EK5" s="18" t="s">
        <v>92</v>
      </c>
      <c r="EL5" s="18" t="s">
        <v>93</v>
      </c>
      <c r="EM5" s="18" t="s">
        <v>94</v>
      </c>
      <c r="EN5" s="18" t="s">
        <v>95</v>
      </c>
      <c r="EO5" s="18" t="s">
        <v>96</v>
      </c>
    </row>
    <row r="6" spans="1:145" s="22" customFormat="1" x14ac:dyDescent="0.2">
      <c r="A6" s="14" t="s">
        <v>97</v>
      </c>
      <c r="B6" s="19">
        <f>B7</f>
        <v>2022</v>
      </c>
      <c r="C6" s="19">
        <f t="shared" ref="C6:X6" si="3">C7</f>
        <v>452076</v>
      </c>
      <c r="D6" s="19">
        <f t="shared" si="3"/>
        <v>47</v>
      </c>
      <c r="E6" s="19">
        <f t="shared" si="3"/>
        <v>17</v>
      </c>
      <c r="F6" s="19">
        <f t="shared" si="3"/>
        <v>5</v>
      </c>
      <c r="G6" s="19">
        <f t="shared" si="3"/>
        <v>0</v>
      </c>
      <c r="H6" s="19" t="str">
        <f t="shared" si="3"/>
        <v>宮崎県　串間市</v>
      </c>
      <c r="I6" s="19" t="str">
        <f t="shared" si="3"/>
        <v>法非適用</v>
      </c>
      <c r="J6" s="19" t="str">
        <f t="shared" si="3"/>
        <v>下水道事業</v>
      </c>
      <c r="K6" s="19" t="str">
        <f t="shared" si="3"/>
        <v>農業集落排水</v>
      </c>
      <c r="L6" s="19" t="str">
        <f t="shared" si="3"/>
        <v>F2</v>
      </c>
      <c r="M6" s="19" t="str">
        <f t="shared" si="3"/>
        <v>非設置</v>
      </c>
      <c r="N6" s="20" t="str">
        <f t="shared" si="3"/>
        <v>-</v>
      </c>
      <c r="O6" s="20" t="str">
        <f t="shared" si="3"/>
        <v>該当数値なし</v>
      </c>
      <c r="P6" s="20">
        <f t="shared" si="3"/>
        <v>2.87</v>
      </c>
      <c r="Q6" s="20">
        <f t="shared" si="3"/>
        <v>91.02</v>
      </c>
      <c r="R6" s="20">
        <f t="shared" si="3"/>
        <v>2530</v>
      </c>
      <c r="S6" s="20">
        <f t="shared" si="3"/>
        <v>16990</v>
      </c>
      <c r="T6" s="20">
        <f t="shared" si="3"/>
        <v>294.92</v>
      </c>
      <c r="U6" s="20">
        <f t="shared" si="3"/>
        <v>57.61</v>
      </c>
      <c r="V6" s="20">
        <f t="shared" si="3"/>
        <v>483</v>
      </c>
      <c r="W6" s="20">
        <f t="shared" si="3"/>
        <v>0.41</v>
      </c>
      <c r="X6" s="20">
        <f t="shared" si="3"/>
        <v>1178.05</v>
      </c>
      <c r="Y6" s="21">
        <f>IF(Y7="",NA(),Y7)</f>
        <v>77.150000000000006</v>
      </c>
      <c r="Z6" s="21">
        <f t="shared" ref="Z6:AH6" si="4">IF(Z7="",NA(),Z7)</f>
        <v>75.84</v>
      </c>
      <c r="AA6" s="21">
        <f t="shared" si="4"/>
        <v>76.47</v>
      </c>
      <c r="AB6" s="21">
        <f t="shared" si="4"/>
        <v>74.459999999999994</v>
      </c>
      <c r="AC6" s="21">
        <f t="shared" si="4"/>
        <v>80.900000000000006</v>
      </c>
      <c r="AD6" s="20" t="e">
        <f t="shared" si="4"/>
        <v>#N/A</v>
      </c>
      <c r="AE6" s="20" t="e">
        <f t="shared" si="4"/>
        <v>#N/A</v>
      </c>
      <c r="AF6" s="20" t="e">
        <f t="shared" si="4"/>
        <v>#N/A</v>
      </c>
      <c r="AG6" s="20" t="e">
        <f t="shared" si="4"/>
        <v>#N/A</v>
      </c>
      <c r="AH6" s="20" t="e">
        <f t="shared" si="4"/>
        <v>#N/A</v>
      </c>
      <c r="AI6" s="20" t="str">
        <f>IF(AI7="","",IF(AI7="-","【-】","【"&amp;SUBSTITUTE(TEXT(AI7,"#,##0.00"),"-","△")&amp;"】"))</f>
        <v/>
      </c>
      <c r="AJ6" s="20" t="e">
        <f>IF(AJ7="",NA(),AJ7)</f>
        <v>#N/A</v>
      </c>
      <c r="AK6" s="20" t="e">
        <f t="shared" ref="AK6:AS6" si="5">IF(AK7="",NA(),AK7)</f>
        <v>#N/A</v>
      </c>
      <c r="AL6" s="20" t="e">
        <f t="shared" si="5"/>
        <v>#N/A</v>
      </c>
      <c r="AM6" s="20" t="e">
        <f t="shared" si="5"/>
        <v>#N/A</v>
      </c>
      <c r="AN6" s="20" t="e">
        <f t="shared" si="5"/>
        <v>#N/A</v>
      </c>
      <c r="AO6" s="20" t="e">
        <f t="shared" si="5"/>
        <v>#N/A</v>
      </c>
      <c r="AP6" s="20" t="e">
        <f t="shared" si="5"/>
        <v>#N/A</v>
      </c>
      <c r="AQ6" s="20" t="e">
        <f t="shared" si="5"/>
        <v>#N/A</v>
      </c>
      <c r="AR6" s="20" t="e">
        <f t="shared" si="5"/>
        <v>#N/A</v>
      </c>
      <c r="AS6" s="20" t="e">
        <f t="shared" si="5"/>
        <v>#N/A</v>
      </c>
      <c r="AT6" s="20" t="str">
        <f>IF(AT7="","",IF(AT7="-","【-】","【"&amp;SUBSTITUTE(TEXT(AT7,"#,##0.00"),"-","△")&amp;"】"))</f>
        <v/>
      </c>
      <c r="AU6" s="20" t="e">
        <f>IF(AU7="",NA(),AU7)</f>
        <v>#N/A</v>
      </c>
      <c r="AV6" s="20" t="e">
        <f t="shared" ref="AV6:BD6" si="6">IF(AV7="",NA(),AV7)</f>
        <v>#N/A</v>
      </c>
      <c r="AW6" s="20" t="e">
        <f t="shared" si="6"/>
        <v>#N/A</v>
      </c>
      <c r="AX6" s="20" t="e">
        <f t="shared" si="6"/>
        <v>#N/A</v>
      </c>
      <c r="AY6" s="20" t="e">
        <f t="shared" si="6"/>
        <v>#N/A</v>
      </c>
      <c r="AZ6" s="20" t="e">
        <f t="shared" si="6"/>
        <v>#N/A</v>
      </c>
      <c r="BA6" s="20" t="e">
        <f t="shared" si="6"/>
        <v>#N/A</v>
      </c>
      <c r="BB6" s="20" t="e">
        <f t="shared" si="6"/>
        <v>#N/A</v>
      </c>
      <c r="BC6" s="20" t="e">
        <f t="shared" si="6"/>
        <v>#N/A</v>
      </c>
      <c r="BD6" s="20" t="e">
        <f t="shared" si="6"/>
        <v>#N/A</v>
      </c>
      <c r="BE6" s="20" t="str">
        <f>IF(BE7="","",IF(BE7="-","【-】","【"&amp;SUBSTITUTE(TEXT(BE7,"#,##0.00"),"-","△")&amp;"】"))</f>
        <v/>
      </c>
      <c r="BF6" s="20">
        <f>IF(BF7="",NA(),BF7)</f>
        <v>0</v>
      </c>
      <c r="BG6" s="20">
        <f t="shared" ref="BG6:BO6" si="7">IF(BG7="",NA(),BG7)</f>
        <v>0</v>
      </c>
      <c r="BH6" s="21">
        <f t="shared" si="7"/>
        <v>961.73</v>
      </c>
      <c r="BI6" s="21">
        <f t="shared" si="7"/>
        <v>732.72</v>
      </c>
      <c r="BJ6" s="21">
        <f t="shared" si="7"/>
        <v>590.97</v>
      </c>
      <c r="BK6" s="21">
        <f t="shared" si="7"/>
        <v>789.46</v>
      </c>
      <c r="BL6" s="21">
        <f t="shared" si="7"/>
        <v>826.83</v>
      </c>
      <c r="BM6" s="21">
        <f t="shared" si="7"/>
        <v>867.83</v>
      </c>
      <c r="BN6" s="21">
        <f t="shared" si="7"/>
        <v>791.76</v>
      </c>
      <c r="BO6" s="21">
        <f t="shared" si="7"/>
        <v>900.82</v>
      </c>
      <c r="BP6" s="20" t="str">
        <f>IF(BP7="","",IF(BP7="-","【-】","【"&amp;SUBSTITUTE(TEXT(BP7,"#,##0.00"),"-","△")&amp;"】"))</f>
        <v>【809.19】</v>
      </c>
      <c r="BQ6" s="21">
        <f>IF(BQ7="",NA(),BQ7)</f>
        <v>41.58</v>
      </c>
      <c r="BR6" s="21">
        <f t="shared" ref="BR6:BZ6" si="8">IF(BR7="",NA(),BR7)</f>
        <v>39.51</v>
      </c>
      <c r="BS6" s="21">
        <f t="shared" si="8"/>
        <v>39.81</v>
      </c>
      <c r="BT6" s="21">
        <f t="shared" si="8"/>
        <v>37.19</v>
      </c>
      <c r="BU6" s="21">
        <f t="shared" si="8"/>
        <v>46.97</v>
      </c>
      <c r="BV6" s="21">
        <f t="shared" si="8"/>
        <v>57.77</v>
      </c>
      <c r="BW6" s="21">
        <f t="shared" si="8"/>
        <v>57.31</v>
      </c>
      <c r="BX6" s="21">
        <f t="shared" si="8"/>
        <v>57.08</v>
      </c>
      <c r="BY6" s="21">
        <f t="shared" si="8"/>
        <v>56.26</v>
      </c>
      <c r="BZ6" s="21">
        <f t="shared" si="8"/>
        <v>52.94</v>
      </c>
      <c r="CA6" s="20" t="str">
        <f>IF(CA7="","",IF(CA7="-","【-】","【"&amp;SUBSTITUTE(TEXT(CA7,"#,##0.00"),"-","△")&amp;"】"))</f>
        <v>【57.02】</v>
      </c>
      <c r="CB6" s="21">
        <f>IF(CB7="",NA(),CB7)</f>
        <v>333.78</v>
      </c>
      <c r="CC6" s="21">
        <f t="shared" ref="CC6:CK6" si="9">IF(CC7="",NA(),CC7)</f>
        <v>354.38</v>
      </c>
      <c r="CD6" s="21">
        <f t="shared" si="9"/>
        <v>359.54</v>
      </c>
      <c r="CE6" s="21">
        <f t="shared" si="9"/>
        <v>393.24</v>
      </c>
      <c r="CF6" s="21">
        <f t="shared" si="9"/>
        <v>313.02999999999997</v>
      </c>
      <c r="CG6" s="21">
        <f t="shared" si="9"/>
        <v>274.35000000000002</v>
      </c>
      <c r="CH6" s="21">
        <f t="shared" si="9"/>
        <v>273.52</v>
      </c>
      <c r="CI6" s="21">
        <f t="shared" si="9"/>
        <v>274.99</v>
      </c>
      <c r="CJ6" s="21">
        <f t="shared" si="9"/>
        <v>282.08999999999997</v>
      </c>
      <c r="CK6" s="21">
        <f t="shared" si="9"/>
        <v>303.27999999999997</v>
      </c>
      <c r="CL6" s="20" t="str">
        <f>IF(CL7="","",IF(CL7="-","【-】","【"&amp;SUBSTITUTE(TEXT(CL7,"#,##0.00"),"-","△")&amp;"】"))</f>
        <v>【273.68】</v>
      </c>
      <c r="CM6" s="21">
        <f>IF(CM7="",NA(),CM7)</f>
        <v>31.3</v>
      </c>
      <c r="CN6" s="21">
        <f t="shared" ref="CN6:CV6" si="10">IF(CN7="",NA(),CN7)</f>
        <v>31.3</v>
      </c>
      <c r="CO6" s="21">
        <f t="shared" si="10"/>
        <v>31.54</v>
      </c>
      <c r="CP6" s="21">
        <f t="shared" si="10"/>
        <v>29.58</v>
      </c>
      <c r="CQ6" s="21">
        <f t="shared" si="10"/>
        <v>28.61</v>
      </c>
      <c r="CR6" s="21">
        <f t="shared" si="10"/>
        <v>50.68</v>
      </c>
      <c r="CS6" s="21">
        <f t="shared" si="10"/>
        <v>50.14</v>
      </c>
      <c r="CT6" s="21">
        <f t="shared" si="10"/>
        <v>54.83</v>
      </c>
      <c r="CU6" s="21">
        <f t="shared" si="10"/>
        <v>66.53</v>
      </c>
      <c r="CV6" s="21">
        <f t="shared" si="10"/>
        <v>52.35</v>
      </c>
      <c r="CW6" s="20" t="str">
        <f>IF(CW7="","",IF(CW7="-","【-】","【"&amp;SUBSTITUTE(TEXT(CW7,"#,##0.00"),"-","△")&amp;"】"))</f>
        <v>【52.55】</v>
      </c>
      <c r="CX6" s="21">
        <f>IF(CX7="",NA(),CX7)</f>
        <v>90.73</v>
      </c>
      <c r="CY6" s="21">
        <f t="shared" ref="CY6:DG6" si="11">IF(CY7="",NA(),CY7)</f>
        <v>91.91</v>
      </c>
      <c r="CZ6" s="21">
        <f t="shared" si="11"/>
        <v>87.91</v>
      </c>
      <c r="DA6" s="21">
        <f t="shared" si="11"/>
        <v>89.7</v>
      </c>
      <c r="DB6" s="21">
        <f t="shared" si="11"/>
        <v>90.27</v>
      </c>
      <c r="DC6" s="21">
        <f t="shared" si="11"/>
        <v>84.86</v>
      </c>
      <c r="DD6" s="21">
        <f t="shared" si="11"/>
        <v>84.98</v>
      </c>
      <c r="DE6" s="21">
        <f t="shared" si="11"/>
        <v>84.7</v>
      </c>
      <c r="DF6" s="21">
        <f t="shared" si="11"/>
        <v>84.67</v>
      </c>
      <c r="DG6" s="21">
        <f t="shared" si="11"/>
        <v>84.39</v>
      </c>
      <c r="DH6" s="20" t="str">
        <f>IF(DH7="","",IF(DH7="-","【-】","【"&amp;SUBSTITUTE(TEXT(DH7,"#,##0.00"),"-","△")&amp;"】"))</f>
        <v>【87.30】</v>
      </c>
      <c r="DI6" s="20" t="e">
        <f>IF(DI7="",NA(),DI7)</f>
        <v>#N/A</v>
      </c>
      <c r="DJ6" s="20" t="e">
        <f t="shared" ref="DJ6:DR6" si="12">IF(DJ7="",NA(),DJ7)</f>
        <v>#N/A</v>
      </c>
      <c r="DK6" s="20" t="e">
        <f t="shared" si="12"/>
        <v>#N/A</v>
      </c>
      <c r="DL6" s="20" t="e">
        <f t="shared" si="12"/>
        <v>#N/A</v>
      </c>
      <c r="DM6" s="20" t="e">
        <f t="shared" si="12"/>
        <v>#N/A</v>
      </c>
      <c r="DN6" s="20" t="e">
        <f t="shared" si="12"/>
        <v>#N/A</v>
      </c>
      <c r="DO6" s="20" t="e">
        <f t="shared" si="12"/>
        <v>#N/A</v>
      </c>
      <c r="DP6" s="20" t="e">
        <f t="shared" si="12"/>
        <v>#N/A</v>
      </c>
      <c r="DQ6" s="20" t="e">
        <f t="shared" si="12"/>
        <v>#N/A</v>
      </c>
      <c r="DR6" s="20" t="e">
        <f t="shared" si="12"/>
        <v>#N/A</v>
      </c>
      <c r="DS6" s="20" t="str">
        <f>IF(DS7="","",IF(DS7="-","【-】","【"&amp;SUBSTITUTE(TEXT(DS7,"#,##0.00"),"-","△")&amp;"】"))</f>
        <v/>
      </c>
      <c r="DT6" s="20" t="e">
        <f>IF(DT7="",NA(),DT7)</f>
        <v>#N/A</v>
      </c>
      <c r="DU6" s="20" t="e">
        <f t="shared" ref="DU6:EC6" si="13">IF(DU7="",NA(),DU7)</f>
        <v>#N/A</v>
      </c>
      <c r="DV6" s="20" t="e">
        <f t="shared" si="13"/>
        <v>#N/A</v>
      </c>
      <c r="DW6" s="20" t="e">
        <f t="shared" si="13"/>
        <v>#N/A</v>
      </c>
      <c r="DX6" s="20" t="e">
        <f t="shared" si="13"/>
        <v>#N/A</v>
      </c>
      <c r="DY6" s="20" t="e">
        <f t="shared" si="13"/>
        <v>#N/A</v>
      </c>
      <c r="DZ6" s="20" t="e">
        <f t="shared" si="13"/>
        <v>#N/A</v>
      </c>
      <c r="EA6" s="20" t="e">
        <f t="shared" si="13"/>
        <v>#N/A</v>
      </c>
      <c r="EB6" s="20" t="e">
        <f t="shared" si="13"/>
        <v>#N/A</v>
      </c>
      <c r="EC6" s="20" t="e">
        <f t="shared" si="13"/>
        <v>#N/A</v>
      </c>
      <c r="ED6" s="20" t="str">
        <f>IF(ED7="","",IF(ED7="-","【-】","【"&amp;SUBSTITUTE(TEXT(ED7,"#,##0.00"),"-","△")&amp;"】"))</f>
        <v/>
      </c>
      <c r="EE6" s="20">
        <f>IF(EE7="",NA(),EE7)</f>
        <v>0</v>
      </c>
      <c r="EF6" s="20">
        <f t="shared" ref="EF6:EN6" si="14">IF(EF7="",NA(),EF7)</f>
        <v>0</v>
      </c>
      <c r="EG6" s="20">
        <f t="shared" si="14"/>
        <v>0</v>
      </c>
      <c r="EH6" s="20">
        <f t="shared" si="14"/>
        <v>0</v>
      </c>
      <c r="EI6" s="20">
        <f t="shared" si="14"/>
        <v>0</v>
      </c>
      <c r="EJ6" s="21">
        <f t="shared" si="14"/>
        <v>0.01</v>
      </c>
      <c r="EK6" s="21">
        <f t="shared" si="14"/>
        <v>0.02</v>
      </c>
      <c r="EL6" s="21">
        <f t="shared" si="14"/>
        <v>0.25</v>
      </c>
      <c r="EM6" s="21">
        <f t="shared" si="14"/>
        <v>0.05</v>
      </c>
      <c r="EN6" s="21">
        <f t="shared" si="14"/>
        <v>0.03</v>
      </c>
      <c r="EO6" s="20" t="str">
        <f>IF(EO7="","",IF(EO7="-","【-】","【"&amp;SUBSTITUTE(TEXT(EO7,"#,##0.00"),"-","△")&amp;"】"))</f>
        <v>【0.02】</v>
      </c>
    </row>
    <row r="7" spans="1:145" s="22" customFormat="1" x14ac:dyDescent="0.2">
      <c r="A7" s="14"/>
      <c r="B7" s="23">
        <v>2022</v>
      </c>
      <c r="C7" s="23">
        <v>452076</v>
      </c>
      <c r="D7" s="23">
        <v>47</v>
      </c>
      <c r="E7" s="23">
        <v>17</v>
      </c>
      <c r="F7" s="23">
        <v>5</v>
      </c>
      <c r="G7" s="23">
        <v>0</v>
      </c>
      <c r="H7" s="23" t="s">
        <v>98</v>
      </c>
      <c r="I7" s="23" t="s">
        <v>99</v>
      </c>
      <c r="J7" s="23" t="s">
        <v>100</v>
      </c>
      <c r="K7" s="23" t="s">
        <v>101</v>
      </c>
      <c r="L7" s="23" t="s">
        <v>102</v>
      </c>
      <c r="M7" s="23" t="s">
        <v>103</v>
      </c>
      <c r="N7" s="24" t="s">
        <v>104</v>
      </c>
      <c r="O7" s="24" t="s">
        <v>105</v>
      </c>
      <c r="P7" s="24">
        <v>2.87</v>
      </c>
      <c r="Q7" s="24">
        <v>91.02</v>
      </c>
      <c r="R7" s="24">
        <v>2530</v>
      </c>
      <c r="S7" s="24">
        <v>16990</v>
      </c>
      <c r="T7" s="24">
        <v>294.92</v>
      </c>
      <c r="U7" s="24">
        <v>57.61</v>
      </c>
      <c r="V7" s="24">
        <v>483</v>
      </c>
      <c r="W7" s="24">
        <v>0.41</v>
      </c>
      <c r="X7" s="24">
        <v>1178.05</v>
      </c>
      <c r="Y7" s="24">
        <v>77.150000000000006</v>
      </c>
      <c r="Z7" s="24">
        <v>75.84</v>
      </c>
      <c r="AA7" s="24">
        <v>76.47</v>
      </c>
      <c r="AB7" s="24">
        <v>74.459999999999994</v>
      </c>
      <c r="AC7" s="24">
        <v>80.900000000000006</v>
      </c>
      <c r="AD7" s="24"/>
      <c r="AE7" s="24"/>
      <c r="AF7" s="24"/>
      <c r="AG7" s="24"/>
      <c r="AH7" s="24"/>
      <c r="AI7" s="24"/>
      <c r="AJ7" s="24"/>
      <c r="AK7" s="24"/>
      <c r="AL7" s="24"/>
      <c r="AM7" s="24"/>
      <c r="AN7" s="24"/>
      <c r="AO7" s="24"/>
      <c r="AP7" s="24"/>
      <c r="AQ7" s="24"/>
      <c r="AR7" s="24"/>
      <c r="AS7" s="24"/>
      <c r="AT7" s="24"/>
      <c r="AU7" s="24"/>
      <c r="AV7" s="24"/>
      <c r="AW7" s="24"/>
      <c r="AX7" s="24"/>
      <c r="AY7" s="24"/>
      <c r="AZ7" s="24"/>
      <c r="BA7" s="24"/>
      <c r="BB7" s="24"/>
      <c r="BC7" s="24"/>
      <c r="BD7" s="24"/>
      <c r="BE7" s="24"/>
      <c r="BF7" s="24">
        <v>0</v>
      </c>
      <c r="BG7" s="24">
        <v>0</v>
      </c>
      <c r="BH7" s="24">
        <v>961.73</v>
      </c>
      <c r="BI7" s="24">
        <v>732.72</v>
      </c>
      <c r="BJ7" s="24">
        <v>590.97</v>
      </c>
      <c r="BK7" s="24">
        <v>789.46</v>
      </c>
      <c r="BL7" s="24">
        <v>826.83</v>
      </c>
      <c r="BM7" s="24">
        <v>867.83</v>
      </c>
      <c r="BN7" s="24">
        <v>791.76</v>
      </c>
      <c r="BO7" s="24">
        <v>900.82</v>
      </c>
      <c r="BP7" s="24">
        <v>809.19</v>
      </c>
      <c r="BQ7" s="24">
        <v>41.58</v>
      </c>
      <c r="BR7" s="24">
        <v>39.51</v>
      </c>
      <c r="BS7" s="24">
        <v>39.81</v>
      </c>
      <c r="BT7" s="24">
        <v>37.19</v>
      </c>
      <c r="BU7" s="24">
        <v>46.97</v>
      </c>
      <c r="BV7" s="24">
        <v>57.77</v>
      </c>
      <c r="BW7" s="24">
        <v>57.31</v>
      </c>
      <c r="BX7" s="24">
        <v>57.08</v>
      </c>
      <c r="BY7" s="24">
        <v>56.26</v>
      </c>
      <c r="BZ7" s="24">
        <v>52.94</v>
      </c>
      <c r="CA7" s="24">
        <v>57.02</v>
      </c>
      <c r="CB7" s="24">
        <v>333.78</v>
      </c>
      <c r="CC7" s="24">
        <v>354.38</v>
      </c>
      <c r="CD7" s="24">
        <v>359.54</v>
      </c>
      <c r="CE7" s="24">
        <v>393.24</v>
      </c>
      <c r="CF7" s="24">
        <v>313.02999999999997</v>
      </c>
      <c r="CG7" s="24">
        <v>274.35000000000002</v>
      </c>
      <c r="CH7" s="24">
        <v>273.52</v>
      </c>
      <c r="CI7" s="24">
        <v>274.99</v>
      </c>
      <c r="CJ7" s="24">
        <v>282.08999999999997</v>
      </c>
      <c r="CK7" s="24">
        <v>303.27999999999997</v>
      </c>
      <c r="CL7" s="24">
        <v>273.68</v>
      </c>
      <c r="CM7" s="24">
        <v>31.3</v>
      </c>
      <c r="CN7" s="24">
        <v>31.3</v>
      </c>
      <c r="CO7" s="24">
        <v>31.54</v>
      </c>
      <c r="CP7" s="24">
        <v>29.58</v>
      </c>
      <c r="CQ7" s="24">
        <v>28.61</v>
      </c>
      <c r="CR7" s="24">
        <v>50.68</v>
      </c>
      <c r="CS7" s="24">
        <v>50.14</v>
      </c>
      <c r="CT7" s="24">
        <v>54.83</v>
      </c>
      <c r="CU7" s="24">
        <v>66.53</v>
      </c>
      <c r="CV7" s="24">
        <v>52.35</v>
      </c>
      <c r="CW7" s="24">
        <v>52.55</v>
      </c>
      <c r="CX7" s="24">
        <v>90.73</v>
      </c>
      <c r="CY7" s="24">
        <v>91.91</v>
      </c>
      <c r="CZ7" s="24">
        <v>87.91</v>
      </c>
      <c r="DA7" s="24">
        <v>89.7</v>
      </c>
      <c r="DB7" s="24">
        <v>90.27</v>
      </c>
      <c r="DC7" s="24">
        <v>84.86</v>
      </c>
      <c r="DD7" s="24">
        <v>84.98</v>
      </c>
      <c r="DE7" s="24">
        <v>84.7</v>
      </c>
      <c r="DF7" s="24">
        <v>84.67</v>
      </c>
      <c r="DG7" s="24">
        <v>84.39</v>
      </c>
      <c r="DH7" s="24">
        <v>87.3</v>
      </c>
      <c r="DI7" s="24"/>
      <c r="DJ7" s="24"/>
      <c r="DK7" s="24"/>
      <c r="DL7" s="24"/>
      <c r="DM7" s="24"/>
      <c r="DN7" s="24"/>
      <c r="DO7" s="24"/>
      <c r="DP7" s="24"/>
      <c r="DQ7" s="24"/>
      <c r="DR7" s="24"/>
      <c r="DS7" s="24"/>
      <c r="DT7" s="24"/>
      <c r="DU7" s="24"/>
      <c r="DV7" s="24"/>
      <c r="DW7" s="24"/>
      <c r="DX7" s="24"/>
      <c r="DY7" s="24"/>
      <c r="DZ7" s="24"/>
      <c r="EA7" s="24"/>
      <c r="EB7" s="24"/>
      <c r="EC7" s="24"/>
      <c r="ED7" s="24"/>
      <c r="EE7" s="24">
        <v>0</v>
      </c>
      <c r="EF7" s="24">
        <v>0</v>
      </c>
      <c r="EG7" s="24">
        <v>0</v>
      </c>
      <c r="EH7" s="24">
        <v>0</v>
      </c>
      <c r="EI7" s="24">
        <v>0</v>
      </c>
      <c r="EJ7" s="24">
        <v>0.01</v>
      </c>
      <c r="EK7" s="24">
        <v>0.02</v>
      </c>
      <c r="EL7" s="24">
        <v>0.25</v>
      </c>
      <c r="EM7" s="24">
        <v>0.05</v>
      </c>
      <c r="EN7" s="24">
        <v>0.03</v>
      </c>
      <c r="EO7" s="24">
        <v>0.02</v>
      </c>
    </row>
    <row r="8" spans="1:145"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row>
    <row r="9" spans="1:145" x14ac:dyDescent="0.2">
      <c r="A9" s="26"/>
      <c r="B9" s="26" t="s">
        <v>106</v>
      </c>
      <c r="C9" s="26" t="s">
        <v>107</v>
      </c>
      <c r="D9" s="26" t="s">
        <v>108</v>
      </c>
      <c r="E9" s="26" t="s">
        <v>109</v>
      </c>
      <c r="F9" s="26" t="s">
        <v>110</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5" x14ac:dyDescent="0.2">
      <c r="A10" s="26" t="s">
        <v>48</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5" x14ac:dyDescent="0.2">
      <c r="B11">
        <v>4</v>
      </c>
      <c r="C11">
        <v>3</v>
      </c>
      <c r="D11">
        <v>2</v>
      </c>
      <c r="E11">
        <v>1</v>
      </c>
      <c r="F11">
        <v>0</v>
      </c>
      <c r="G11" t="s">
        <v>111</v>
      </c>
    </row>
    <row r="12" spans="1:145" x14ac:dyDescent="0.2">
      <c r="B12">
        <v>1</v>
      </c>
      <c r="C12">
        <v>1</v>
      </c>
      <c r="D12">
        <v>2</v>
      </c>
      <c r="E12">
        <v>3</v>
      </c>
      <c r="F12">
        <v>4</v>
      </c>
      <c r="G12" t="s">
        <v>112</v>
      </c>
    </row>
    <row r="13" spans="1:145" x14ac:dyDescent="0.2">
      <c r="B13" t="s">
        <v>113</v>
      </c>
      <c r="C13" t="s">
        <v>114</v>
      </c>
      <c r="D13" t="s">
        <v>114</v>
      </c>
      <c r="E13" t="s">
        <v>114</v>
      </c>
      <c r="F13" t="s">
        <v>114</v>
      </c>
      <c r="G13" t="s">
        <v>115</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益元 佑輔</cp:lastModifiedBy>
  <cp:lastPrinted>2024-02-19T04:25:06Z</cp:lastPrinted>
  <dcterms:created xsi:type="dcterms:W3CDTF">2023-12-12T02:56:35Z</dcterms:created>
  <dcterms:modified xsi:type="dcterms:W3CDTF">2024-02-19T04:25:09Z</dcterms:modified>
  <cp:category/>
</cp:coreProperties>
</file>